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7" r:id="rId2"/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>
        <p:scale>
          <a:sx n="100" d="100"/>
          <a:sy n="100" d="100"/>
        </p:scale>
        <p:origin x="58" y="-197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7/23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89" Type="http://schemas.openxmlformats.org/officeDocument/2006/relationships/image" Target="../media/image5.png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image" Target="../media/image6.sv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png"/><Relationship Id="rId93" Type="http://schemas.openxmlformats.org/officeDocument/2006/relationships/image" Target="../media/image9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4.png"/><Relationship Id="rId91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8.sv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3.sv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00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63" Type="http://schemas.openxmlformats.org/officeDocument/2006/relationships/tags" Target="../tags/tag146.xml"/><Relationship Id="rId84" Type="http://schemas.openxmlformats.org/officeDocument/2006/relationships/tags" Target="../tags/tag167.xml"/><Relationship Id="rId138" Type="http://schemas.openxmlformats.org/officeDocument/2006/relationships/tags" Target="../tags/tag221.xml"/><Relationship Id="rId159" Type="http://schemas.openxmlformats.org/officeDocument/2006/relationships/tags" Target="../tags/tag242.xml"/><Relationship Id="rId107" Type="http://schemas.openxmlformats.org/officeDocument/2006/relationships/tags" Target="../tags/tag190.xml"/><Relationship Id="rId11" Type="http://schemas.openxmlformats.org/officeDocument/2006/relationships/tags" Target="../tags/tag94.xml"/><Relationship Id="rId32" Type="http://schemas.openxmlformats.org/officeDocument/2006/relationships/tags" Target="../tags/tag115.xml"/><Relationship Id="rId53" Type="http://schemas.openxmlformats.org/officeDocument/2006/relationships/tags" Target="../tags/tag136.xml"/><Relationship Id="rId74" Type="http://schemas.openxmlformats.org/officeDocument/2006/relationships/tags" Target="../tags/tag157.xml"/><Relationship Id="rId128" Type="http://schemas.openxmlformats.org/officeDocument/2006/relationships/tags" Target="../tags/tag211.xml"/><Relationship Id="rId149" Type="http://schemas.openxmlformats.org/officeDocument/2006/relationships/tags" Target="../tags/tag232.xml"/><Relationship Id="rId5" Type="http://schemas.openxmlformats.org/officeDocument/2006/relationships/tags" Target="../tags/tag88.xml"/><Relationship Id="rId95" Type="http://schemas.openxmlformats.org/officeDocument/2006/relationships/tags" Target="../tags/tag178.xml"/><Relationship Id="rId160" Type="http://schemas.openxmlformats.org/officeDocument/2006/relationships/tags" Target="../tags/tag243.xml"/><Relationship Id="rId22" Type="http://schemas.openxmlformats.org/officeDocument/2006/relationships/tags" Target="../tags/tag105.xml"/><Relationship Id="rId43" Type="http://schemas.openxmlformats.org/officeDocument/2006/relationships/tags" Target="../tags/tag126.xml"/><Relationship Id="rId64" Type="http://schemas.openxmlformats.org/officeDocument/2006/relationships/tags" Target="../tags/tag147.xml"/><Relationship Id="rId118" Type="http://schemas.openxmlformats.org/officeDocument/2006/relationships/tags" Target="../tags/tag201.xml"/><Relationship Id="rId139" Type="http://schemas.openxmlformats.org/officeDocument/2006/relationships/tags" Target="../tags/tag222.xml"/><Relationship Id="rId85" Type="http://schemas.openxmlformats.org/officeDocument/2006/relationships/tags" Target="../tags/tag168.xml"/><Relationship Id="rId150" Type="http://schemas.openxmlformats.org/officeDocument/2006/relationships/tags" Target="../tags/tag233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59" Type="http://schemas.openxmlformats.org/officeDocument/2006/relationships/tags" Target="../tags/tag142.xml"/><Relationship Id="rId103" Type="http://schemas.openxmlformats.org/officeDocument/2006/relationships/tags" Target="../tags/tag186.xml"/><Relationship Id="rId108" Type="http://schemas.openxmlformats.org/officeDocument/2006/relationships/tags" Target="../tags/tag191.xml"/><Relationship Id="rId124" Type="http://schemas.openxmlformats.org/officeDocument/2006/relationships/tags" Target="../tags/tag207.xml"/><Relationship Id="rId129" Type="http://schemas.openxmlformats.org/officeDocument/2006/relationships/tags" Target="../tags/tag212.xml"/><Relationship Id="rId54" Type="http://schemas.openxmlformats.org/officeDocument/2006/relationships/tags" Target="../tags/tag137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91" Type="http://schemas.openxmlformats.org/officeDocument/2006/relationships/tags" Target="../tags/tag174.xml"/><Relationship Id="rId96" Type="http://schemas.openxmlformats.org/officeDocument/2006/relationships/tags" Target="../tags/tag179.xml"/><Relationship Id="rId140" Type="http://schemas.openxmlformats.org/officeDocument/2006/relationships/tags" Target="../tags/tag223.xml"/><Relationship Id="rId145" Type="http://schemas.openxmlformats.org/officeDocument/2006/relationships/tags" Target="../tags/tag228.xml"/><Relationship Id="rId161" Type="http://schemas.openxmlformats.org/officeDocument/2006/relationships/tags" Target="../tags/tag244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49" Type="http://schemas.openxmlformats.org/officeDocument/2006/relationships/tags" Target="../tags/tag132.xml"/><Relationship Id="rId114" Type="http://schemas.openxmlformats.org/officeDocument/2006/relationships/tags" Target="../tags/tag197.xml"/><Relationship Id="rId119" Type="http://schemas.openxmlformats.org/officeDocument/2006/relationships/tags" Target="../tags/tag202.xml"/><Relationship Id="rId44" Type="http://schemas.openxmlformats.org/officeDocument/2006/relationships/tags" Target="../tags/tag127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81" Type="http://schemas.openxmlformats.org/officeDocument/2006/relationships/tags" Target="../tags/tag164.xml"/><Relationship Id="rId86" Type="http://schemas.openxmlformats.org/officeDocument/2006/relationships/tags" Target="../tags/tag169.xml"/><Relationship Id="rId130" Type="http://schemas.openxmlformats.org/officeDocument/2006/relationships/tags" Target="../tags/tag213.xml"/><Relationship Id="rId135" Type="http://schemas.openxmlformats.org/officeDocument/2006/relationships/tags" Target="../tags/tag218.xml"/><Relationship Id="rId151" Type="http://schemas.openxmlformats.org/officeDocument/2006/relationships/tags" Target="../tags/tag234.xml"/><Relationship Id="rId156" Type="http://schemas.openxmlformats.org/officeDocument/2006/relationships/tags" Target="../tags/tag239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109" Type="http://schemas.openxmlformats.org/officeDocument/2006/relationships/tags" Target="../tags/tag19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6" Type="http://schemas.openxmlformats.org/officeDocument/2006/relationships/tags" Target="../tags/tag159.xml"/><Relationship Id="rId97" Type="http://schemas.openxmlformats.org/officeDocument/2006/relationships/tags" Target="../tags/tag180.xml"/><Relationship Id="rId104" Type="http://schemas.openxmlformats.org/officeDocument/2006/relationships/tags" Target="../tags/tag187.xml"/><Relationship Id="rId120" Type="http://schemas.openxmlformats.org/officeDocument/2006/relationships/tags" Target="../tags/tag203.xml"/><Relationship Id="rId125" Type="http://schemas.openxmlformats.org/officeDocument/2006/relationships/tags" Target="../tags/tag208.xml"/><Relationship Id="rId141" Type="http://schemas.openxmlformats.org/officeDocument/2006/relationships/tags" Target="../tags/tag224.xml"/><Relationship Id="rId146" Type="http://schemas.openxmlformats.org/officeDocument/2006/relationships/tags" Target="../tags/tag229.xml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92" Type="http://schemas.openxmlformats.org/officeDocument/2006/relationships/tags" Target="../tags/tag175.xml"/><Relationship Id="rId162" Type="http://schemas.openxmlformats.org/officeDocument/2006/relationships/slideLayout" Target="../slideLayouts/slideLayout7.xml"/><Relationship Id="rId2" Type="http://schemas.openxmlformats.org/officeDocument/2006/relationships/tags" Target="../tags/tag85.xml"/><Relationship Id="rId29" Type="http://schemas.openxmlformats.org/officeDocument/2006/relationships/tags" Target="../tags/tag112.xml"/><Relationship Id="rId24" Type="http://schemas.openxmlformats.org/officeDocument/2006/relationships/tags" Target="../tags/tag107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66" Type="http://schemas.openxmlformats.org/officeDocument/2006/relationships/tags" Target="../tags/tag149.xml"/><Relationship Id="rId87" Type="http://schemas.openxmlformats.org/officeDocument/2006/relationships/tags" Target="../tags/tag170.xml"/><Relationship Id="rId110" Type="http://schemas.openxmlformats.org/officeDocument/2006/relationships/tags" Target="../tags/tag193.xml"/><Relationship Id="rId115" Type="http://schemas.openxmlformats.org/officeDocument/2006/relationships/tags" Target="../tags/tag198.xml"/><Relationship Id="rId131" Type="http://schemas.openxmlformats.org/officeDocument/2006/relationships/tags" Target="../tags/tag214.xml"/><Relationship Id="rId136" Type="http://schemas.openxmlformats.org/officeDocument/2006/relationships/tags" Target="../tags/tag219.xml"/><Relationship Id="rId157" Type="http://schemas.openxmlformats.org/officeDocument/2006/relationships/tags" Target="../tags/tag240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152" Type="http://schemas.openxmlformats.org/officeDocument/2006/relationships/tags" Target="../tags/tag235.xml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56" Type="http://schemas.openxmlformats.org/officeDocument/2006/relationships/tags" Target="../tags/tag139.xml"/><Relationship Id="rId77" Type="http://schemas.openxmlformats.org/officeDocument/2006/relationships/tags" Target="../tags/tag160.xml"/><Relationship Id="rId100" Type="http://schemas.openxmlformats.org/officeDocument/2006/relationships/tags" Target="../tags/tag183.xml"/><Relationship Id="rId105" Type="http://schemas.openxmlformats.org/officeDocument/2006/relationships/tags" Target="../tags/tag188.xml"/><Relationship Id="rId126" Type="http://schemas.openxmlformats.org/officeDocument/2006/relationships/tags" Target="../tags/tag209.xml"/><Relationship Id="rId147" Type="http://schemas.openxmlformats.org/officeDocument/2006/relationships/tags" Target="../tags/tag230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93" Type="http://schemas.openxmlformats.org/officeDocument/2006/relationships/tags" Target="../tags/tag176.xml"/><Relationship Id="rId98" Type="http://schemas.openxmlformats.org/officeDocument/2006/relationships/tags" Target="../tags/tag181.xml"/><Relationship Id="rId121" Type="http://schemas.openxmlformats.org/officeDocument/2006/relationships/tags" Target="../tags/tag204.xml"/><Relationship Id="rId142" Type="http://schemas.openxmlformats.org/officeDocument/2006/relationships/tags" Target="../tags/tag225.xml"/><Relationship Id="rId163" Type="http://schemas.openxmlformats.org/officeDocument/2006/relationships/image" Target="../media/image1.png"/><Relationship Id="rId3" Type="http://schemas.openxmlformats.org/officeDocument/2006/relationships/tags" Target="../tags/tag86.xml"/><Relationship Id="rId25" Type="http://schemas.openxmlformats.org/officeDocument/2006/relationships/tags" Target="../tags/tag108.xml"/><Relationship Id="rId46" Type="http://schemas.openxmlformats.org/officeDocument/2006/relationships/tags" Target="../tags/tag129.xml"/><Relationship Id="rId67" Type="http://schemas.openxmlformats.org/officeDocument/2006/relationships/tags" Target="../tags/tag150.xml"/><Relationship Id="rId116" Type="http://schemas.openxmlformats.org/officeDocument/2006/relationships/tags" Target="../tags/tag199.xml"/><Relationship Id="rId137" Type="http://schemas.openxmlformats.org/officeDocument/2006/relationships/tags" Target="../tags/tag220.xml"/><Relationship Id="rId158" Type="http://schemas.openxmlformats.org/officeDocument/2006/relationships/tags" Target="../tags/tag241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62" Type="http://schemas.openxmlformats.org/officeDocument/2006/relationships/tags" Target="../tags/tag145.xml"/><Relationship Id="rId83" Type="http://schemas.openxmlformats.org/officeDocument/2006/relationships/tags" Target="../tags/tag166.xml"/><Relationship Id="rId88" Type="http://schemas.openxmlformats.org/officeDocument/2006/relationships/tags" Target="../tags/tag171.xml"/><Relationship Id="rId111" Type="http://schemas.openxmlformats.org/officeDocument/2006/relationships/tags" Target="../tags/tag194.xml"/><Relationship Id="rId132" Type="http://schemas.openxmlformats.org/officeDocument/2006/relationships/tags" Target="../tags/tag215.xml"/><Relationship Id="rId153" Type="http://schemas.openxmlformats.org/officeDocument/2006/relationships/tags" Target="../tags/tag236.xml"/><Relationship Id="rId15" Type="http://schemas.openxmlformats.org/officeDocument/2006/relationships/tags" Target="../tags/tag98.xml"/><Relationship Id="rId36" Type="http://schemas.openxmlformats.org/officeDocument/2006/relationships/tags" Target="../tags/tag119.xml"/><Relationship Id="rId57" Type="http://schemas.openxmlformats.org/officeDocument/2006/relationships/tags" Target="../tags/tag140.xml"/><Relationship Id="rId106" Type="http://schemas.openxmlformats.org/officeDocument/2006/relationships/tags" Target="../tags/tag189.xml"/><Relationship Id="rId127" Type="http://schemas.openxmlformats.org/officeDocument/2006/relationships/tags" Target="../tags/tag21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52" Type="http://schemas.openxmlformats.org/officeDocument/2006/relationships/tags" Target="../tags/tag135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94" Type="http://schemas.openxmlformats.org/officeDocument/2006/relationships/tags" Target="../tags/tag177.xml"/><Relationship Id="rId99" Type="http://schemas.openxmlformats.org/officeDocument/2006/relationships/tags" Target="../tags/tag182.xml"/><Relationship Id="rId101" Type="http://schemas.openxmlformats.org/officeDocument/2006/relationships/tags" Target="../tags/tag184.xml"/><Relationship Id="rId122" Type="http://schemas.openxmlformats.org/officeDocument/2006/relationships/tags" Target="../tags/tag205.xml"/><Relationship Id="rId143" Type="http://schemas.openxmlformats.org/officeDocument/2006/relationships/tags" Target="../tags/tag226.xml"/><Relationship Id="rId148" Type="http://schemas.openxmlformats.org/officeDocument/2006/relationships/tags" Target="../tags/tag231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26" Type="http://schemas.openxmlformats.org/officeDocument/2006/relationships/tags" Target="../tags/tag109.xml"/><Relationship Id="rId47" Type="http://schemas.openxmlformats.org/officeDocument/2006/relationships/tags" Target="../tags/tag130.xml"/><Relationship Id="rId68" Type="http://schemas.openxmlformats.org/officeDocument/2006/relationships/tags" Target="../tags/tag151.xml"/><Relationship Id="rId89" Type="http://schemas.openxmlformats.org/officeDocument/2006/relationships/tags" Target="../tags/tag172.xml"/><Relationship Id="rId112" Type="http://schemas.openxmlformats.org/officeDocument/2006/relationships/tags" Target="../tags/tag195.xml"/><Relationship Id="rId133" Type="http://schemas.openxmlformats.org/officeDocument/2006/relationships/tags" Target="../tags/tag216.xml"/><Relationship Id="rId154" Type="http://schemas.openxmlformats.org/officeDocument/2006/relationships/tags" Target="../tags/tag237.xml"/><Relationship Id="rId16" Type="http://schemas.openxmlformats.org/officeDocument/2006/relationships/tags" Target="../tags/tag99.xml"/><Relationship Id="rId37" Type="http://schemas.openxmlformats.org/officeDocument/2006/relationships/tags" Target="../tags/tag120.xml"/><Relationship Id="rId58" Type="http://schemas.openxmlformats.org/officeDocument/2006/relationships/tags" Target="../tags/tag141.xml"/><Relationship Id="rId79" Type="http://schemas.openxmlformats.org/officeDocument/2006/relationships/tags" Target="../tags/tag162.xml"/><Relationship Id="rId102" Type="http://schemas.openxmlformats.org/officeDocument/2006/relationships/tags" Target="../tags/tag185.xml"/><Relationship Id="rId123" Type="http://schemas.openxmlformats.org/officeDocument/2006/relationships/tags" Target="../tags/tag206.xml"/><Relationship Id="rId144" Type="http://schemas.openxmlformats.org/officeDocument/2006/relationships/tags" Target="../tags/tag227.xml"/><Relationship Id="rId90" Type="http://schemas.openxmlformats.org/officeDocument/2006/relationships/tags" Target="../tags/tag173.xml"/><Relationship Id="rId27" Type="http://schemas.openxmlformats.org/officeDocument/2006/relationships/tags" Target="../tags/tag110.xml"/><Relationship Id="rId48" Type="http://schemas.openxmlformats.org/officeDocument/2006/relationships/tags" Target="../tags/tag131.xml"/><Relationship Id="rId69" Type="http://schemas.openxmlformats.org/officeDocument/2006/relationships/tags" Target="../tags/tag152.xml"/><Relationship Id="rId113" Type="http://schemas.openxmlformats.org/officeDocument/2006/relationships/tags" Target="../tags/tag196.xml"/><Relationship Id="rId134" Type="http://schemas.openxmlformats.org/officeDocument/2006/relationships/tags" Target="../tags/tag217.xml"/><Relationship Id="rId80" Type="http://schemas.openxmlformats.org/officeDocument/2006/relationships/tags" Target="../tags/tag163.xml"/><Relationship Id="rId155" Type="http://schemas.openxmlformats.org/officeDocument/2006/relationships/tags" Target="../tags/tag238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61.xml"/><Relationship Id="rId21" Type="http://schemas.openxmlformats.org/officeDocument/2006/relationships/tags" Target="../tags/tag265.xml"/><Relationship Id="rId42" Type="http://schemas.openxmlformats.org/officeDocument/2006/relationships/tags" Target="../tags/tag286.xml"/><Relationship Id="rId63" Type="http://schemas.openxmlformats.org/officeDocument/2006/relationships/tags" Target="../tags/tag307.xml"/><Relationship Id="rId84" Type="http://schemas.openxmlformats.org/officeDocument/2006/relationships/tags" Target="../tags/tag328.xml"/><Relationship Id="rId138" Type="http://schemas.openxmlformats.org/officeDocument/2006/relationships/tags" Target="../tags/tag382.xml"/><Relationship Id="rId159" Type="http://schemas.openxmlformats.org/officeDocument/2006/relationships/tags" Target="../tags/tag403.xml"/><Relationship Id="rId170" Type="http://schemas.openxmlformats.org/officeDocument/2006/relationships/tags" Target="../tags/tag414.xml"/><Relationship Id="rId191" Type="http://schemas.openxmlformats.org/officeDocument/2006/relationships/tags" Target="../tags/tag435.xml"/><Relationship Id="rId205" Type="http://schemas.openxmlformats.org/officeDocument/2006/relationships/tags" Target="../tags/tag449.xml"/><Relationship Id="rId107" Type="http://schemas.openxmlformats.org/officeDocument/2006/relationships/tags" Target="../tags/tag351.xml"/><Relationship Id="rId11" Type="http://schemas.openxmlformats.org/officeDocument/2006/relationships/tags" Target="../tags/tag255.xml"/><Relationship Id="rId32" Type="http://schemas.openxmlformats.org/officeDocument/2006/relationships/tags" Target="../tags/tag276.xml"/><Relationship Id="rId53" Type="http://schemas.openxmlformats.org/officeDocument/2006/relationships/tags" Target="../tags/tag297.xml"/><Relationship Id="rId74" Type="http://schemas.openxmlformats.org/officeDocument/2006/relationships/tags" Target="../tags/tag318.xml"/><Relationship Id="rId128" Type="http://schemas.openxmlformats.org/officeDocument/2006/relationships/tags" Target="../tags/tag372.xml"/><Relationship Id="rId149" Type="http://schemas.openxmlformats.org/officeDocument/2006/relationships/tags" Target="../tags/tag393.xml"/><Relationship Id="rId5" Type="http://schemas.openxmlformats.org/officeDocument/2006/relationships/tags" Target="../tags/tag249.xml"/><Relationship Id="rId95" Type="http://schemas.openxmlformats.org/officeDocument/2006/relationships/tags" Target="../tags/tag339.xml"/><Relationship Id="rId160" Type="http://schemas.openxmlformats.org/officeDocument/2006/relationships/tags" Target="../tags/tag404.xml"/><Relationship Id="rId181" Type="http://schemas.openxmlformats.org/officeDocument/2006/relationships/tags" Target="../tags/tag425.xml"/><Relationship Id="rId22" Type="http://schemas.openxmlformats.org/officeDocument/2006/relationships/tags" Target="../tags/tag266.xml"/><Relationship Id="rId43" Type="http://schemas.openxmlformats.org/officeDocument/2006/relationships/tags" Target="../tags/tag287.xml"/><Relationship Id="rId64" Type="http://schemas.openxmlformats.org/officeDocument/2006/relationships/tags" Target="../tags/tag308.xml"/><Relationship Id="rId118" Type="http://schemas.openxmlformats.org/officeDocument/2006/relationships/tags" Target="../tags/tag362.xml"/><Relationship Id="rId139" Type="http://schemas.openxmlformats.org/officeDocument/2006/relationships/tags" Target="../tags/tag383.xml"/><Relationship Id="rId85" Type="http://schemas.openxmlformats.org/officeDocument/2006/relationships/tags" Target="../tags/tag329.xml"/><Relationship Id="rId150" Type="http://schemas.openxmlformats.org/officeDocument/2006/relationships/tags" Target="../tags/tag394.xml"/><Relationship Id="rId171" Type="http://schemas.openxmlformats.org/officeDocument/2006/relationships/tags" Target="../tags/tag415.xml"/><Relationship Id="rId192" Type="http://schemas.openxmlformats.org/officeDocument/2006/relationships/tags" Target="../tags/tag436.xml"/><Relationship Id="rId206" Type="http://schemas.openxmlformats.org/officeDocument/2006/relationships/tags" Target="../tags/tag450.xml"/><Relationship Id="rId12" Type="http://schemas.openxmlformats.org/officeDocument/2006/relationships/tags" Target="../tags/tag256.xml"/><Relationship Id="rId33" Type="http://schemas.openxmlformats.org/officeDocument/2006/relationships/tags" Target="../tags/tag277.xml"/><Relationship Id="rId108" Type="http://schemas.openxmlformats.org/officeDocument/2006/relationships/tags" Target="../tags/tag352.xml"/><Relationship Id="rId129" Type="http://schemas.openxmlformats.org/officeDocument/2006/relationships/tags" Target="../tags/tag373.xml"/><Relationship Id="rId54" Type="http://schemas.openxmlformats.org/officeDocument/2006/relationships/tags" Target="../tags/tag298.xml"/><Relationship Id="rId75" Type="http://schemas.openxmlformats.org/officeDocument/2006/relationships/tags" Target="../tags/tag319.xml"/><Relationship Id="rId96" Type="http://schemas.openxmlformats.org/officeDocument/2006/relationships/tags" Target="../tags/tag340.xml"/><Relationship Id="rId140" Type="http://schemas.openxmlformats.org/officeDocument/2006/relationships/tags" Target="../tags/tag384.xml"/><Relationship Id="rId161" Type="http://schemas.openxmlformats.org/officeDocument/2006/relationships/tags" Target="../tags/tag405.xml"/><Relationship Id="rId182" Type="http://schemas.openxmlformats.org/officeDocument/2006/relationships/tags" Target="../tags/tag426.xml"/><Relationship Id="rId6" Type="http://schemas.openxmlformats.org/officeDocument/2006/relationships/tags" Target="../tags/tag250.xml"/><Relationship Id="rId23" Type="http://schemas.openxmlformats.org/officeDocument/2006/relationships/tags" Target="../tags/tag267.xml"/><Relationship Id="rId119" Type="http://schemas.openxmlformats.org/officeDocument/2006/relationships/tags" Target="../tags/tag363.xml"/><Relationship Id="rId44" Type="http://schemas.openxmlformats.org/officeDocument/2006/relationships/tags" Target="../tags/tag288.xml"/><Relationship Id="rId65" Type="http://schemas.openxmlformats.org/officeDocument/2006/relationships/tags" Target="../tags/tag309.xml"/><Relationship Id="rId86" Type="http://schemas.openxmlformats.org/officeDocument/2006/relationships/tags" Target="../tags/tag330.xml"/><Relationship Id="rId130" Type="http://schemas.openxmlformats.org/officeDocument/2006/relationships/tags" Target="../tags/tag374.xml"/><Relationship Id="rId151" Type="http://schemas.openxmlformats.org/officeDocument/2006/relationships/tags" Target="../tags/tag395.xml"/><Relationship Id="rId172" Type="http://schemas.openxmlformats.org/officeDocument/2006/relationships/tags" Target="../tags/tag416.xml"/><Relationship Id="rId193" Type="http://schemas.openxmlformats.org/officeDocument/2006/relationships/tags" Target="../tags/tag437.xml"/><Relationship Id="rId207" Type="http://schemas.openxmlformats.org/officeDocument/2006/relationships/tags" Target="../tags/tag451.xml"/><Relationship Id="rId13" Type="http://schemas.openxmlformats.org/officeDocument/2006/relationships/tags" Target="../tags/tag257.xml"/><Relationship Id="rId109" Type="http://schemas.openxmlformats.org/officeDocument/2006/relationships/tags" Target="../tags/tag353.xml"/><Relationship Id="rId34" Type="http://schemas.openxmlformats.org/officeDocument/2006/relationships/tags" Target="../tags/tag278.xml"/><Relationship Id="rId55" Type="http://schemas.openxmlformats.org/officeDocument/2006/relationships/tags" Target="../tags/tag299.xml"/><Relationship Id="rId76" Type="http://schemas.openxmlformats.org/officeDocument/2006/relationships/tags" Target="../tags/tag320.xml"/><Relationship Id="rId97" Type="http://schemas.openxmlformats.org/officeDocument/2006/relationships/tags" Target="../tags/tag341.xml"/><Relationship Id="rId120" Type="http://schemas.openxmlformats.org/officeDocument/2006/relationships/tags" Target="../tags/tag364.xml"/><Relationship Id="rId141" Type="http://schemas.openxmlformats.org/officeDocument/2006/relationships/tags" Target="../tags/tag385.xml"/><Relationship Id="rId7" Type="http://schemas.openxmlformats.org/officeDocument/2006/relationships/tags" Target="../tags/tag251.xml"/><Relationship Id="rId162" Type="http://schemas.openxmlformats.org/officeDocument/2006/relationships/tags" Target="../tags/tag406.xml"/><Relationship Id="rId183" Type="http://schemas.openxmlformats.org/officeDocument/2006/relationships/tags" Target="../tags/tag427.xml"/><Relationship Id="rId24" Type="http://schemas.openxmlformats.org/officeDocument/2006/relationships/tags" Target="../tags/tag268.xml"/><Relationship Id="rId45" Type="http://schemas.openxmlformats.org/officeDocument/2006/relationships/tags" Target="../tags/tag289.xml"/><Relationship Id="rId66" Type="http://schemas.openxmlformats.org/officeDocument/2006/relationships/tags" Target="../tags/tag310.xml"/><Relationship Id="rId87" Type="http://schemas.openxmlformats.org/officeDocument/2006/relationships/tags" Target="../tags/tag331.xml"/><Relationship Id="rId110" Type="http://schemas.openxmlformats.org/officeDocument/2006/relationships/tags" Target="../tags/tag354.xml"/><Relationship Id="rId131" Type="http://schemas.openxmlformats.org/officeDocument/2006/relationships/tags" Target="../tags/tag375.xml"/><Relationship Id="rId61" Type="http://schemas.openxmlformats.org/officeDocument/2006/relationships/tags" Target="../tags/tag305.xml"/><Relationship Id="rId82" Type="http://schemas.openxmlformats.org/officeDocument/2006/relationships/tags" Target="../tags/tag326.xml"/><Relationship Id="rId152" Type="http://schemas.openxmlformats.org/officeDocument/2006/relationships/tags" Target="../tags/tag396.xml"/><Relationship Id="rId173" Type="http://schemas.openxmlformats.org/officeDocument/2006/relationships/tags" Target="../tags/tag417.xml"/><Relationship Id="rId194" Type="http://schemas.openxmlformats.org/officeDocument/2006/relationships/tags" Target="../tags/tag438.xml"/><Relationship Id="rId199" Type="http://schemas.openxmlformats.org/officeDocument/2006/relationships/tags" Target="../tags/tag443.xml"/><Relationship Id="rId203" Type="http://schemas.openxmlformats.org/officeDocument/2006/relationships/tags" Target="../tags/tag447.xml"/><Relationship Id="rId208" Type="http://schemas.openxmlformats.org/officeDocument/2006/relationships/slideLayout" Target="../slideLayouts/slideLayout7.xml"/><Relationship Id="rId19" Type="http://schemas.openxmlformats.org/officeDocument/2006/relationships/tags" Target="../tags/tag263.xml"/><Relationship Id="rId14" Type="http://schemas.openxmlformats.org/officeDocument/2006/relationships/tags" Target="../tags/tag258.xml"/><Relationship Id="rId30" Type="http://schemas.openxmlformats.org/officeDocument/2006/relationships/tags" Target="../tags/tag274.xml"/><Relationship Id="rId35" Type="http://schemas.openxmlformats.org/officeDocument/2006/relationships/tags" Target="../tags/tag279.xml"/><Relationship Id="rId56" Type="http://schemas.openxmlformats.org/officeDocument/2006/relationships/tags" Target="../tags/tag300.xml"/><Relationship Id="rId77" Type="http://schemas.openxmlformats.org/officeDocument/2006/relationships/tags" Target="../tags/tag321.xml"/><Relationship Id="rId100" Type="http://schemas.openxmlformats.org/officeDocument/2006/relationships/tags" Target="../tags/tag344.xml"/><Relationship Id="rId105" Type="http://schemas.openxmlformats.org/officeDocument/2006/relationships/tags" Target="../tags/tag349.xml"/><Relationship Id="rId126" Type="http://schemas.openxmlformats.org/officeDocument/2006/relationships/tags" Target="../tags/tag370.xml"/><Relationship Id="rId147" Type="http://schemas.openxmlformats.org/officeDocument/2006/relationships/tags" Target="../tags/tag391.xml"/><Relationship Id="rId168" Type="http://schemas.openxmlformats.org/officeDocument/2006/relationships/tags" Target="../tags/tag412.xml"/><Relationship Id="rId8" Type="http://schemas.openxmlformats.org/officeDocument/2006/relationships/tags" Target="../tags/tag252.xml"/><Relationship Id="rId51" Type="http://schemas.openxmlformats.org/officeDocument/2006/relationships/tags" Target="../tags/tag295.xml"/><Relationship Id="rId72" Type="http://schemas.openxmlformats.org/officeDocument/2006/relationships/tags" Target="../tags/tag316.xml"/><Relationship Id="rId93" Type="http://schemas.openxmlformats.org/officeDocument/2006/relationships/tags" Target="../tags/tag337.xml"/><Relationship Id="rId98" Type="http://schemas.openxmlformats.org/officeDocument/2006/relationships/tags" Target="../tags/tag342.xml"/><Relationship Id="rId121" Type="http://schemas.openxmlformats.org/officeDocument/2006/relationships/tags" Target="../tags/tag365.xml"/><Relationship Id="rId142" Type="http://schemas.openxmlformats.org/officeDocument/2006/relationships/tags" Target="../tags/tag386.xml"/><Relationship Id="rId163" Type="http://schemas.openxmlformats.org/officeDocument/2006/relationships/tags" Target="../tags/tag407.xml"/><Relationship Id="rId184" Type="http://schemas.openxmlformats.org/officeDocument/2006/relationships/tags" Target="../tags/tag428.xml"/><Relationship Id="rId189" Type="http://schemas.openxmlformats.org/officeDocument/2006/relationships/tags" Target="../tags/tag433.xml"/><Relationship Id="rId3" Type="http://schemas.openxmlformats.org/officeDocument/2006/relationships/tags" Target="../tags/tag247.xml"/><Relationship Id="rId25" Type="http://schemas.openxmlformats.org/officeDocument/2006/relationships/tags" Target="../tags/tag269.xml"/><Relationship Id="rId46" Type="http://schemas.openxmlformats.org/officeDocument/2006/relationships/tags" Target="../tags/tag290.xml"/><Relationship Id="rId67" Type="http://schemas.openxmlformats.org/officeDocument/2006/relationships/tags" Target="../tags/tag311.xml"/><Relationship Id="rId116" Type="http://schemas.openxmlformats.org/officeDocument/2006/relationships/tags" Target="../tags/tag360.xml"/><Relationship Id="rId137" Type="http://schemas.openxmlformats.org/officeDocument/2006/relationships/tags" Target="../tags/tag381.xml"/><Relationship Id="rId158" Type="http://schemas.openxmlformats.org/officeDocument/2006/relationships/tags" Target="../tags/tag402.xml"/><Relationship Id="rId20" Type="http://schemas.openxmlformats.org/officeDocument/2006/relationships/tags" Target="../tags/tag264.xml"/><Relationship Id="rId41" Type="http://schemas.openxmlformats.org/officeDocument/2006/relationships/tags" Target="../tags/tag285.xml"/><Relationship Id="rId62" Type="http://schemas.openxmlformats.org/officeDocument/2006/relationships/tags" Target="../tags/tag306.xml"/><Relationship Id="rId83" Type="http://schemas.openxmlformats.org/officeDocument/2006/relationships/tags" Target="../tags/tag327.xml"/><Relationship Id="rId88" Type="http://schemas.openxmlformats.org/officeDocument/2006/relationships/tags" Target="../tags/tag332.xml"/><Relationship Id="rId111" Type="http://schemas.openxmlformats.org/officeDocument/2006/relationships/tags" Target="../tags/tag355.xml"/><Relationship Id="rId132" Type="http://schemas.openxmlformats.org/officeDocument/2006/relationships/tags" Target="../tags/tag376.xml"/><Relationship Id="rId153" Type="http://schemas.openxmlformats.org/officeDocument/2006/relationships/tags" Target="../tags/tag397.xml"/><Relationship Id="rId174" Type="http://schemas.openxmlformats.org/officeDocument/2006/relationships/tags" Target="../tags/tag418.xml"/><Relationship Id="rId179" Type="http://schemas.openxmlformats.org/officeDocument/2006/relationships/tags" Target="../tags/tag423.xml"/><Relationship Id="rId195" Type="http://schemas.openxmlformats.org/officeDocument/2006/relationships/tags" Target="../tags/tag439.xml"/><Relationship Id="rId209" Type="http://schemas.openxmlformats.org/officeDocument/2006/relationships/image" Target="../media/image10.png"/><Relationship Id="rId190" Type="http://schemas.openxmlformats.org/officeDocument/2006/relationships/tags" Target="../tags/tag434.xml"/><Relationship Id="rId204" Type="http://schemas.openxmlformats.org/officeDocument/2006/relationships/tags" Target="../tags/tag448.xml"/><Relationship Id="rId15" Type="http://schemas.openxmlformats.org/officeDocument/2006/relationships/tags" Target="../tags/tag259.xml"/><Relationship Id="rId36" Type="http://schemas.openxmlformats.org/officeDocument/2006/relationships/tags" Target="../tags/tag280.xml"/><Relationship Id="rId57" Type="http://schemas.openxmlformats.org/officeDocument/2006/relationships/tags" Target="../tags/tag301.xml"/><Relationship Id="rId106" Type="http://schemas.openxmlformats.org/officeDocument/2006/relationships/tags" Target="../tags/tag350.xml"/><Relationship Id="rId127" Type="http://schemas.openxmlformats.org/officeDocument/2006/relationships/tags" Target="../tags/tag371.xml"/><Relationship Id="rId10" Type="http://schemas.openxmlformats.org/officeDocument/2006/relationships/tags" Target="../tags/tag254.xml"/><Relationship Id="rId31" Type="http://schemas.openxmlformats.org/officeDocument/2006/relationships/tags" Target="../tags/tag275.xml"/><Relationship Id="rId52" Type="http://schemas.openxmlformats.org/officeDocument/2006/relationships/tags" Target="../tags/tag296.xml"/><Relationship Id="rId73" Type="http://schemas.openxmlformats.org/officeDocument/2006/relationships/tags" Target="../tags/tag317.xml"/><Relationship Id="rId78" Type="http://schemas.openxmlformats.org/officeDocument/2006/relationships/tags" Target="../tags/tag322.xml"/><Relationship Id="rId94" Type="http://schemas.openxmlformats.org/officeDocument/2006/relationships/tags" Target="../tags/tag338.xml"/><Relationship Id="rId99" Type="http://schemas.openxmlformats.org/officeDocument/2006/relationships/tags" Target="../tags/tag343.xml"/><Relationship Id="rId101" Type="http://schemas.openxmlformats.org/officeDocument/2006/relationships/tags" Target="../tags/tag345.xml"/><Relationship Id="rId122" Type="http://schemas.openxmlformats.org/officeDocument/2006/relationships/tags" Target="../tags/tag366.xml"/><Relationship Id="rId143" Type="http://schemas.openxmlformats.org/officeDocument/2006/relationships/tags" Target="../tags/tag387.xml"/><Relationship Id="rId148" Type="http://schemas.openxmlformats.org/officeDocument/2006/relationships/tags" Target="../tags/tag392.xml"/><Relationship Id="rId164" Type="http://schemas.openxmlformats.org/officeDocument/2006/relationships/tags" Target="../tags/tag408.xml"/><Relationship Id="rId169" Type="http://schemas.openxmlformats.org/officeDocument/2006/relationships/tags" Target="../tags/tag413.xml"/><Relationship Id="rId185" Type="http://schemas.openxmlformats.org/officeDocument/2006/relationships/tags" Target="../tags/tag429.xml"/><Relationship Id="rId4" Type="http://schemas.openxmlformats.org/officeDocument/2006/relationships/tags" Target="../tags/tag248.xml"/><Relationship Id="rId9" Type="http://schemas.openxmlformats.org/officeDocument/2006/relationships/tags" Target="../tags/tag253.xml"/><Relationship Id="rId180" Type="http://schemas.openxmlformats.org/officeDocument/2006/relationships/tags" Target="../tags/tag424.xml"/><Relationship Id="rId210" Type="http://schemas.openxmlformats.org/officeDocument/2006/relationships/image" Target="../media/image1.png"/><Relationship Id="rId26" Type="http://schemas.openxmlformats.org/officeDocument/2006/relationships/tags" Target="../tags/tag270.xml"/><Relationship Id="rId47" Type="http://schemas.openxmlformats.org/officeDocument/2006/relationships/tags" Target="../tags/tag291.xml"/><Relationship Id="rId68" Type="http://schemas.openxmlformats.org/officeDocument/2006/relationships/tags" Target="../tags/tag312.xml"/><Relationship Id="rId89" Type="http://schemas.openxmlformats.org/officeDocument/2006/relationships/tags" Target="../tags/tag333.xml"/><Relationship Id="rId112" Type="http://schemas.openxmlformats.org/officeDocument/2006/relationships/tags" Target="../tags/tag356.xml"/><Relationship Id="rId133" Type="http://schemas.openxmlformats.org/officeDocument/2006/relationships/tags" Target="../tags/tag377.xml"/><Relationship Id="rId154" Type="http://schemas.openxmlformats.org/officeDocument/2006/relationships/tags" Target="../tags/tag398.xml"/><Relationship Id="rId175" Type="http://schemas.openxmlformats.org/officeDocument/2006/relationships/tags" Target="../tags/tag419.xml"/><Relationship Id="rId196" Type="http://schemas.openxmlformats.org/officeDocument/2006/relationships/tags" Target="../tags/tag440.xml"/><Relationship Id="rId200" Type="http://schemas.openxmlformats.org/officeDocument/2006/relationships/tags" Target="../tags/tag444.xml"/><Relationship Id="rId16" Type="http://schemas.openxmlformats.org/officeDocument/2006/relationships/tags" Target="../tags/tag260.xml"/><Relationship Id="rId37" Type="http://schemas.openxmlformats.org/officeDocument/2006/relationships/tags" Target="../tags/tag281.xml"/><Relationship Id="rId58" Type="http://schemas.openxmlformats.org/officeDocument/2006/relationships/tags" Target="../tags/tag302.xml"/><Relationship Id="rId79" Type="http://schemas.openxmlformats.org/officeDocument/2006/relationships/tags" Target="../tags/tag323.xml"/><Relationship Id="rId102" Type="http://schemas.openxmlformats.org/officeDocument/2006/relationships/tags" Target="../tags/tag346.xml"/><Relationship Id="rId123" Type="http://schemas.openxmlformats.org/officeDocument/2006/relationships/tags" Target="../tags/tag367.xml"/><Relationship Id="rId144" Type="http://schemas.openxmlformats.org/officeDocument/2006/relationships/tags" Target="../tags/tag388.xml"/><Relationship Id="rId90" Type="http://schemas.openxmlformats.org/officeDocument/2006/relationships/tags" Target="../tags/tag334.xml"/><Relationship Id="rId165" Type="http://schemas.openxmlformats.org/officeDocument/2006/relationships/tags" Target="../tags/tag409.xml"/><Relationship Id="rId186" Type="http://schemas.openxmlformats.org/officeDocument/2006/relationships/tags" Target="../tags/tag430.xml"/><Relationship Id="rId27" Type="http://schemas.openxmlformats.org/officeDocument/2006/relationships/tags" Target="../tags/tag271.xml"/><Relationship Id="rId48" Type="http://schemas.openxmlformats.org/officeDocument/2006/relationships/tags" Target="../tags/tag292.xml"/><Relationship Id="rId69" Type="http://schemas.openxmlformats.org/officeDocument/2006/relationships/tags" Target="../tags/tag313.xml"/><Relationship Id="rId113" Type="http://schemas.openxmlformats.org/officeDocument/2006/relationships/tags" Target="../tags/tag357.xml"/><Relationship Id="rId134" Type="http://schemas.openxmlformats.org/officeDocument/2006/relationships/tags" Target="../tags/tag378.xml"/><Relationship Id="rId80" Type="http://schemas.openxmlformats.org/officeDocument/2006/relationships/tags" Target="../tags/tag324.xml"/><Relationship Id="rId155" Type="http://schemas.openxmlformats.org/officeDocument/2006/relationships/tags" Target="../tags/tag399.xml"/><Relationship Id="rId176" Type="http://schemas.openxmlformats.org/officeDocument/2006/relationships/tags" Target="../tags/tag420.xml"/><Relationship Id="rId197" Type="http://schemas.openxmlformats.org/officeDocument/2006/relationships/tags" Target="../tags/tag441.xml"/><Relationship Id="rId201" Type="http://schemas.openxmlformats.org/officeDocument/2006/relationships/tags" Target="../tags/tag445.xml"/><Relationship Id="rId17" Type="http://schemas.openxmlformats.org/officeDocument/2006/relationships/tags" Target="../tags/tag261.xml"/><Relationship Id="rId38" Type="http://schemas.openxmlformats.org/officeDocument/2006/relationships/tags" Target="../tags/tag282.xml"/><Relationship Id="rId59" Type="http://schemas.openxmlformats.org/officeDocument/2006/relationships/tags" Target="../tags/tag303.xml"/><Relationship Id="rId103" Type="http://schemas.openxmlformats.org/officeDocument/2006/relationships/tags" Target="../tags/tag347.xml"/><Relationship Id="rId124" Type="http://schemas.openxmlformats.org/officeDocument/2006/relationships/tags" Target="../tags/tag368.xml"/><Relationship Id="rId70" Type="http://schemas.openxmlformats.org/officeDocument/2006/relationships/tags" Target="../tags/tag314.xml"/><Relationship Id="rId91" Type="http://schemas.openxmlformats.org/officeDocument/2006/relationships/tags" Target="../tags/tag335.xml"/><Relationship Id="rId145" Type="http://schemas.openxmlformats.org/officeDocument/2006/relationships/tags" Target="../tags/tag389.xml"/><Relationship Id="rId166" Type="http://schemas.openxmlformats.org/officeDocument/2006/relationships/tags" Target="../tags/tag410.xml"/><Relationship Id="rId187" Type="http://schemas.openxmlformats.org/officeDocument/2006/relationships/tags" Target="../tags/tag431.xml"/><Relationship Id="rId1" Type="http://schemas.openxmlformats.org/officeDocument/2006/relationships/tags" Target="../tags/tag245.xml"/><Relationship Id="rId28" Type="http://schemas.openxmlformats.org/officeDocument/2006/relationships/tags" Target="../tags/tag272.xml"/><Relationship Id="rId49" Type="http://schemas.openxmlformats.org/officeDocument/2006/relationships/tags" Target="../tags/tag293.xml"/><Relationship Id="rId114" Type="http://schemas.openxmlformats.org/officeDocument/2006/relationships/tags" Target="../tags/tag358.xml"/><Relationship Id="rId60" Type="http://schemas.openxmlformats.org/officeDocument/2006/relationships/tags" Target="../tags/tag304.xml"/><Relationship Id="rId81" Type="http://schemas.openxmlformats.org/officeDocument/2006/relationships/tags" Target="../tags/tag325.xml"/><Relationship Id="rId135" Type="http://schemas.openxmlformats.org/officeDocument/2006/relationships/tags" Target="../tags/tag379.xml"/><Relationship Id="rId156" Type="http://schemas.openxmlformats.org/officeDocument/2006/relationships/tags" Target="../tags/tag400.xml"/><Relationship Id="rId177" Type="http://schemas.openxmlformats.org/officeDocument/2006/relationships/tags" Target="../tags/tag421.xml"/><Relationship Id="rId198" Type="http://schemas.openxmlformats.org/officeDocument/2006/relationships/tags" Target="../tags/tag442.xml"/><Relationship Id="rId202" Type="http://schemas.openxmlformats.org/officeDocument/2006/relationships/tags" Target="../tags/tag446.xml"/><Relationship Id="rId18" Type="http://schemas.openxmlformats.org/officeDocument/2006/relationships/tags" Target="../tags/tag262.xml"/><Relationship Id="rId39" Type="http://schemas.openxmlformats.org/officeDocument/2006/relationships/tags" Target="../tags/tag283.xml"/><Relationship Id="rId50" Type="http://schemas.openxmlformats.org/officeDocument/2006/relationships/tags" Target="../tags/tag294.xml"/><Relationship Id="rId104" Type="http://schemas.openxmlformats.org/officeDocument/2006/relationships/tags" Target="../tags/tag348.xml"/><Relationship Id="rId125" Type="http://schemas.openxmlformats.org/officeDocument/2006/relationships/tags" Target="../tags/tag369.xml"/><Relationship Id="rId146" Type="http://schemas.openxmlformats.org/officeDocument/2006/relationships/tags" Target="../tags/tag390.xml"/><Relationship Id="rId167" Type="http://schemas.openxmlformats.org/officeDocument/2006/relationships/tags" Target="../tags/tag411.xml"/><Relationship Id="rId188" Type="http://schemas.openxmlformats.org/officeDocument/2006/relationships/tags" Target="../tags/tag432.xml"/><Relationship Id="rId71" Type="http://schemas.openxmlformats.org/officeDocument/2006/relationships/tags" Target="../tags/tag315.xml"/><Relationship Id="rId92" Type="http://schemas.openxmlformats.org/officeDocument/2006/relationships/tags" Target="../tags/tag336.xml"/><Relationship Id="rId2" Type="http://schemas.openxmlformats.org/officeDocument/2006/relationships/tags" Target="../tags/tag246.xml"/><Relationship Id="rId29" Type="http://schemas.openxmlformats.org/officeDocument/2006/relationships/tags" Target="../tags/tag273.xml"/><Relationship Id="rId40" Type="http://schemas.openxmlformats.org/officeDocument/2006/relationships/tags" Target="../tags/tag284.xml"/><Relationship Id="rId115" Type="http://schemas.openxmlformats.org/officeDocument/2006/relationships/tags" Target="../tags/tag359.xml"/><Relationship Id="rId136" Type="http://schemas.openxmlformats.org/officeDocument/2006/relationships/tags" Target="../tags/tag380.xml"/><Relationship Id="rId157" Type="http://schemas.openxmlformats.org/officeDocument/2006/relationships/tags" Target="../tags/tag401.xml"/><Relationship Id="rId178" Type="http://schemas.openxmlformats.org/officeDocument/2006/relationships/tags" Target="../tags/tag4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29799BB-0BE5-4178-8301-D2AB24D1BE0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C95EA0E-1065-48CB-ACB2-271AB3FFB17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6585" y="51320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AAE2633-C88F-482B-8265-5B55A48D22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C7C7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B0EA41B-F161-44C9-8122-DC2C9CC0DC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FEB59C1-9374-40E2-B460-72FA1F5C29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9B0463E-67C2-4B3C-86F2-2BF50771E53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1E4E45-A483-47E7-9CC5-E9D00BD937B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7747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D71D7E0-E477-40CC-BA36-C5263DEE2A1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83221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7ABFCB5-1FAD-455F-8C81-92D41C9410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658477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6503D67-D14E-4607-A160-92850570B9A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53373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9ADD3D4-3CC5-4B64-87F3-AAA1E42D74F4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8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19ECEF6-252E-4566-8FFF-94A1D452519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28424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E9678EF-B697-4408-BF28-20524273313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5950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4FA8CCB-5472-4272-9D1D-324415CE0B9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34757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F5DC59A-7E61-4B6D-BBFA-F3E35EA068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91001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3A73DBE-96BC-452F-AAAC-46BBCA86AD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78526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BD1C9BAF-A3D9-4171-8938-A37CA073F06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66052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1D690C8F-64CA-4C36-B976-8AAE53147E4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53578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87790A1B-7CFB-4EF4-984D-B5DC60C5EAA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6" name="OTLSHAPE_T_252e96058a3546e0b06f0e93390d2b22_Shape">
            <a:extLst>
              <a:ext uri="{FF2B5EF4-FFF2-40B4-BE49-F238E27FC236}">
                <a16:creationId xmlns:a16="http://schemas.microsoft.com/office/drawing/2014/main" id="{3F890006-A137-4F2F-B6F5-41EFD861E82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19721" y="2862157"/>
            <a:ext cx="1752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d041283d8f3c4122b11f3269142dbb8d_Shape">
            <a:extLst>
              <a:ext uri="{FF2B5EF4-FFF2-40B4-BE49-F238E27FC236}">
                <a16:creationId xmlns:a16="http://schemas.microsoft.com/office/drawing/2014/main" id="{13BF9DC4-DB29-4B34-BBF3-1BD095335BA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51419" y="3128857"/>
            <a:ext cx="1727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966516fbb7fe42e78d38d95e46a17583_Shape">
            <a:extLst>
              <a:ext uri="{FF2B5EF4-FFF2-40B4-BE49-F238E27FC236}">
                <a16:creationId xmlns:a16="http://schemas.microsoft.com/office/drawing/2014/main" id="{68111DDF-C1AE-4C67-A48B-A3C3D4969C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137322" y="3395557"/>
            <a:ext cx="1600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bf5ec3bb92844330b37b9e6940186a3e_Shape">
            <a:extLst>
              <a:ext uri="{FF2B5EF4-FFF2-40B4-BE49-F238E27FC236}">
                <a16:creationId xmlns:a16="http://schemas.microsoft.com/office/drawing/2014/main" id="{59224453-6246-41E7-B095-3AAB5977A7F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658373" y="3662257"/>
            <a:ext cx="1104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a5c61adb4e234cd6a6999ae92167f5da_Shape">
            <a:extLst>
              <a:ext uri="{FF2B5EF4-FFF2-40B4-BE49-F238E27FC236}">
                <a16:creationId xmlns:a16="http://schemas.microsoft.com/office/drawing/2014/main" id="{C71C344B-CED5-4349-BA70-E02C725448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52443" y="3928957"/>
            <a:ext cx="3289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9a89dfc018eb4789afe97a441c86fe54_Shape">
            <a:extLst>
              <a:ext uri="{FF2B5EF4-FFF2-40B4-BE49-F238E27FC236}">
                <a16:creationId xmlns:a16="http://schemas.microsoft.com/office/drawing/2014/main" id="{43E91C6E-4094-441D-AE41-37D8571F17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034653" y="4195657"/>
            <a:ext cx="4445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252e96058a3546e0b06f0e93390d2b22_ShapePercentage">
            <a:extLst>
              <a:ext uri="{FF2B5EF4-FFF2-40B4-BE49-F238E27FC236}">
                <a16:creationId xmlns:a16="http://schemas.microsoft.com/office/drawing/2014/main" id="{ABEAB951-C3C6-4D6D-870A-3FFA7E922BE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19721" y="2862157"/>
            <a:ext cx="1320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d041283d8f3c4122b11f3269142dbb8d_ShapePercentage">
            <a:extLst>
              <a:ext uri="{FF2B5EF4-FFF2-40B4-BE49-F238E27FC236}">
                <a16:creationId xmlns:a16="http://schemas.microsoft.com/office/drawing/2014/main" id="{3CBEDB36-423D-45FC-8620-1F7CBDEAC11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251419" y="3128857"/>
            <a:ext cx="1130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966516fbb7fe42e78d38d95e46a17583_ShapePercentage">
            <a:extLst>
              <a:ext uri="{FF2B5EF4-FFF2-40B4-BE49-F238E27FC236}">
                <a16:creationId xmlns:a16="http://schemas.microsoft.com/office/drawing/2014/main" id="{8144B329-3E24-4ACC-84F4-69D41C095A5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37322" y="3395557"/>
            <a:ext cx="800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f5ec3bb92844330b37b9e6940186a3e_ShapePercentage">
            <a:extLst>
              <a:ext uri="{FF2B5EF4-FFF2-40B4-BE49-F238E27FC236}">
                <a16:creationId xmlns:a16="http://schemas.microsoft.com/office/drawing/2014/main" id="{2D699DEC-CBC5-461D-B807-5C89E361DC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58373" y="3662257"/>
            <a:ext cx="2794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a5c61adb4e234cd6a6999ae92167f5da_ShapePercentage" hidden="1">
            <a:extLst>
              <a:ext uri="{FF2B5EF4-FFF2-40B4-BE49-F238E27FC236}">
                <a16:creationId xmlns:a16="http://schemas.microsoft.com/office/drawing/2014/main" id="{E70A854D-B6A0-4546-8F00-B2FB9A5C96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752443" y="39289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9a89dfc018eb4789afe97a441c86fe54_ShapePercentage" hidden="1">
            <a:extLst>
              <a:ext uri="{FF2B5EF4-FFF2-40B4-BE49-F238E27FC236}">
                <a16:creationId xmlns:a16="http://schemas.microsoft.com/office/drawing/2014/main" id="{ED8A8184-818B-4332-B155-843B6D45923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034653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252e96058a3546e0b06f0e93390d2b22_Duration" hidden="1">
            <a:extLst>
              <a:ext uri="{FF2B5EF4-FFF2-40B4-BE49-F238E27FC236}">
                <a16:creationId xmlns:a16="http://schemas.microsoft.com/office/drawing/2014/main" id="{F434A998-4C5E-4C0F-A075-B798A3C699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9" name="OTLSHAPE_T_252e96058a3546e0b06f0e93390d2b22_StartDate" hidden="1">
            <a:extLst>
              <a:ext uri="{FF2B5EF4-FFF2-40B4-BE49-F238E27FC236}">
                <a16:creationId xmlns:a16="http://schemas.microsoft.com/office/drawing/2014/main" id="{83331687-5684-440B-879A-99415D09D4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52e96058a3546e0b06f0e93390d2b22_EndDate" hidden="1">
            <a:extLst>
              <a:ext uri="{FF2B5EF4-FFF2-40B4-BE49-F238E27FC236}">
                <a16:creationId xmlns:a16="http://schemas.microsoft.com/office/drawing/2014/main" id="{C0E475E1-06EB-46CA-B2F6-DD1A53110CC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52e96058a3546e0b06f0e93390d2b22_Title">
            <a:extLst>
              <a:ext uri="{FF2B5EF4-FFF2-40B4-BE49-F238E27FC236}">
                <a16:creationId xmlns:a16="http://schemas.microsoft.com/office/drawing/2014/main" id="{1521622A-77EE-4A3B-A35C-1419DAC470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86127" y="287849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42" name="OTLSHAPE_T_252e96058a3546e0b06f0e93390d2b22_JoinedDate">
            <a:extLst>
              <a:ext uri="{FF2B5EF4-FFF2-40B4-BE49-F238E27FC236}">
                <a16:creationId xmlns:a16="http://schemas.microsoft.com/office/drawing/2014/main" id="{3AB206A1-C3CA-405E-A6B2-65F89FD40D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520881" y="288624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3 - Feb 10</a:t>
            </a:r>
          </a:p>
        </p:txBody>
      </p:sp>
      <p:sp>
        <p:nvSpPr>
          <p:cNvPr id="43" name="OTLSHAPE_T_252e96058a3546e0b06f0e93390d2b22_TextPercentage">
            <a:extLst>
              <a:ext uri="{FF2B5EF4-FFF2-40B4-BE49-F238E27FC236}">
                <a16:creationId xmlns:a16="http://schemas.microsoft.com/office/drawing/2014/main" id="{A41C0DE0-76AB-4523-AB93-48362DE5E0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12908" y="28862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6" name="OTLSHAPE_T_d041283d8f3c4122b11f3269142dbb8d_Duration" hidden="1">
            <a:extLst>
              <a:ext uri="{FF2B5EF4-FFF2-40B4-BE49-F238E27FC236}">
                <a16:creationId xmlns:a16="http://schemas.microsoft.com/office/drawing/2014/main" id="{EDED62BB-9FC3-49B6-8218-B7DEE821BF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7" name="OTLSHAPE_T_d041283d8f3c4122b11f3269142dbb8d_StartDate" hidden="1">
            <a:extLst>
              <a:ext uri="{FF2B5EF4-FFF2-40B4-BE49-F238E27FC236}">
                <a16:creationId xmlns:a16="http://schemas.microsoft.com/office/drawing/2014/main" id="{802E367F-34A7-4C02-ACC7-9D5F7745120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041283d8f3c4122b11f3269142dbb8d_EndDate" hidden="1">
            <a:extLst>
              <a:ext uri="{FF2B5EF4-FFF2-40B4-BE49-F238E27FC236}">
                <a16:creationId xmlns:a16="http://schemas.microsoft.com/office/drawing/2014/main" id="{52F9FC39-60F8-4C9E-9A8B-B8611C32C1E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041283d8f3c4122b11f3269142dbb8d_Title">
            <a:extLst>
              <a:ext uri="{FF2B5EF4-FFF2-40B4-BE49-F238E27FC236}">
                <a16:creationId xmlns:a16="http://schemas.microsoft.com/office/drawing/2014/main" id="{CCB9A0B7-E5E2-4FC8-9304-5D43FA8CA99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89301" y="31451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50" name="OTLSHAPE_T_d041283d8f3c4122b11f3269142dbb8d_JoinedDate">
            <a:extLst>
              <a:ext uri="{FF2B5EF4-FFF2-40B4-BE49-F238E27FC236}">
                <a16:creationId xmlns:a16="http://schemas.microsoft.com/office/drawing/2014/main" id="{B1FF1B3E-6DE9-4E4F-A263-66A1238132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28267" y="31529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0 - Feb 17</a:t>
            </a:r>
          </a:p>
        </p:txBody>
      </p:sp>
      <p:sp>
        <p:nvSpPr>
          <p:cNvPr id="51" name="OTLSHAPE_T_d041283d8f3c4122b11f3269142dbb8d_TextPercentage">
            <a:extLst>
              <a:ext uri="{FF2B5EF4-FFF2-40B4-BE49-F238E27FC236}">
                <a16:creationId xmlns:a16="http://schemas.microsoft.com/office/drawing/2014/main" id="{96FE0EC8-146A-43C4-ADC0-78CCB20C7E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53767" y="31529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54" name="OTLSHAPE_T_966516fbb7fe42e78d38d95e46a17583_Duration" hidden="1">
            <a:extLst>
              <a:ext uri="{FF2B5EF4-FFF2-40B4-BE49-F238E27FC236}">
                <a16:creationId xmlns:a16="http://schemas.microsoft.com/office/drawing/2014/main" id="{94C6EE01-5F00-42F8-9815-63A2DB36BB2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5" name="OTLSHAPE_T_966516fbb7fe42e78d38d95e46a17583_StartDate" hidden="1">
            <a:extLst>
              <a:ext uri="{FF2B5EF4-FFF2-40B4-BE49-F238E27FC236}">
                <a16:creationId xmlns:a16="http://schemas.microsoft.com/office/drawing/2014/main" id="{DC7F8EE9-550F-4C74-8353-308B2899C86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66516fbb7fe42e78d38d95e46a17583_EndDate" hidden="1">
            <a:extLst>
              <a:ext uri="{FF2B5EF4-FFF2-40B4-BE49-F238E27FC236}">
                <a16:creationId xmlns:a16="http://schemas.microsoft.com/office/drawing/2014/main" id="{69C340CC-DE3E-47ED-93E3-5EEB91D9133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966516fbb7fe42e78d38d95e46a17583_Title">
            <a:extLst>
              <a:ext uri="{FF2B5EF4-FFF2-40B4-BE49-F238E27FC236}">
                <a16:creationId xmlns:a16="http://schemas.microsoft.com/office/drawing/2014/main" id="{952AEBDC-2FAD-4951-97FE-C855A385188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69302" y="341189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58" name="OTLSHAPE_T_966516fbb7fe42e78d38d95e46a17583_JoinedDate">
            <a:extLst>
              <a:ext uri="{FF2B5EF4-FFF2-40B4-BE49-F238E27FC236}">
                <a16:creationId xmlns:a16="http://schemas.microsoft.com/office/drawing/2014/main" id="{27BBD584-4191-4EF7-BE39-6404A464BF8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86680" y="34196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5</a:t>
            </a:r>
          </a:p>
        </p:txBody>
      </p:sp>
      <p:sp>
        <p:nvSpPr>
          <p:cNvPr id="59" name="OTLSHAPE_T_966516fbb7fe42e78d38d95e46a17583_TextPercentage">
            <a:extLst>
              <a:ext uri="{FF2B5EF4-FFF2-40B4-BE49-F238E27FC236}">
                <a16:creationId xmlns:a16="http://schemas.microsoft.com/office/drawing/2014/main" id="{3E794F47-9945-4AEC-8F47-ECC22BB7922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717018" y="34196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2" name="OTLSHAPE_T_bf5ec3bb92844330b37b9e6940186a3e_Duration" hidden="1">
            <a:extLst>
              <a:ext uri="{FF2B5EF4-FFF2-40B4-BE49-F238E27FC236}">
                <a16:creationId xmlns:a16="http://schemas.microsoft.com/office/drawing/2014/main" id="{B8BF51C8-0D3E-474E-894A-756AE64192E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3" name="OTLSHAPE_T_bf5ec3bb92844330b37b9e6940186a3e_StartDate" hidden="1">
            <a:extLst>
              <a:ext uri="{FF2B5EF4-FFF2-40B4-BE49-F238E27FC236}">
                <a16:creationId xmlns:a16="http://schemas.microsoft.com/office/drawing/2014/main" id="{9C85BCED-899F-427E-AF54-5169400F71B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f5ec3bb92844330b37b9e6940186a3e_EndDate" hidden="1">
            <a:extLst>
              <a:ext uri="{FF2B5EF4-FFF2-40B4-BE49-F238E27FC236}">
                <a16:creationId xmlns:a16="http://schemas.microsoft.com/office/drawing/2014/main" id="{82D40B5A-5B6B-417E-8357-17F9864A07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f5ec3bb92844330b37b9e6940186a3e_Title">
            <a:extLst>
              <a:ext uri="{FF2B5EF4-FFF2-40B4-BE49-F238E27FC236}">
                <a16:creationId xmlns:a16="http://schemas.microsoft.com/office/drawing/2014/main" id="{9BD9E3D8-F608-410B-A4C3-EC258A75215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28115" y="3678597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66" name="OTLSHAPE_T_bf5ec3bb92844330b37b9e6940186a3e_JoinedDate">
            <a:extLst>
              <a:ext uri="{FF2B5EF4-FFF2-40B4-BE49-F238E27FC236}">
                <a16:creationId xmlns:a16="http://schemas.microsoft.com/office/drawing/2014/main" id="{7EE848C6-B60C-4790-A11C-37B4E517466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804003" y="36863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21 - Feb 26</a:t>
            </a:r>
          </a:p>
        </p:txBody>
      </p:sp>
      <p:sp>
        <p:nvSpPr>
          <p:cNvPr id="67" name="OTLSHAPE_T_bf5ec3bb92844330b37b9e6940186a3e_TextPercentage">
            <a:extLst>
              <a:ext uri="{FF2B5EF4-FFF2-40B4-BE49-F238E27FC236}">
                <a16:creationId xmlns:a16="http://schemas.microsoft.com/office/drawing/2014/main" id="{D9A35991-9BCC-4C91-B785-691774F1E91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12498" y="3686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70" name="OTLSHAPE_T_a5c61adb4e234cd6a6999ae92167f5da_Duration" hidden="1">
            <a:extLst>
              <a:ext uri="{FF2B5EF4-FFF2-40B4-BE49-F238E27FC236}">
                <a16:creationId xmlns:a16="http://schemas.microsoft.com/office/drawing/2014/main" id="{80C0110C-61DF-40F2-A44F-3E929D2970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1" name="OTLSHAPE_T_a5c61adb4e234cd6a6999ae92167f5da_StartDate" hidden="1">
            <a:extLst>
              <a:ext uri="{FF2B5EF4-FFF2-40B4-BE49-F238E27FC236}">
                <a16:creationId xmlns:a16="http://schemas.microsoft.com/office/drawing/2014/main" id="{3AAC22F8-F11F-4E3B-8664-509C419CAAD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5c61adb4e234cd6a6999ae92167f5da_EndDate" hidden="1">
            <a:extLst>
              <a:ext uri="{FF2B5EF4-FFF2-40B4-BE49-F238E27FC236}">
                <a16:creationId xmlns:a16="http://schemas.microsoft.com/office/drawing/2014/main" id="{31DCDA7D-1162-4E15-882E-CCACD6BA3E1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a5c61adb4e234cd6a6999ae92167f5da_Title">
            <a:extLst>
              <a:ext uri="{FF2B5EF4-FFF2-40B4-BE49-F238E27FC236}">
                <a16:creationId xmlns:a16="http://schemas.microsoft.com/office/drawing/2014/main" id="{838D6807-8177-472B-AFBE-8C175B8EA1E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918434" y="394529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74" name="OTLSHAPE_T_a5c61adb4e234cd6a6999ae92167f5da_JoinedDate">
            <a:extLst>
              <a:ext uri="{FF2B5EF4-FFF2-40B4-BE49-F238E27FC236}">
                <a16:creationId xmlns:a16="http://schemas.microsoft.com/office/drawing/2014/main" id="{057991D2-47D7-43D3-8471-5A79D03094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092139" y="39530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Feb 26 - Mar 13</a:t>
            </a:r>
          </a:p>
        </p:txBody>
      </p:sp>
      <p:sp>
        <p:nvSpPr>
          <p:cNvPr id="75" name="OTLSHAPE_T_a5c61adb4e234cd6a6999ae92167f5da_TextPercentage" hidden="1">
            <a:extLst>
              <a:ext uri="{FF2B5EF4-FFF2-40B4-BE49-F238E27FC236}">
                <a16:creationId xmlns:a16="http://schemas.microsoft.com/office/drawing/2014/main" id="{DC59DE49-13F3-4B8A-855B-FE548D9875E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9a89dfc018eb4789afe97a441c86fe54_Duration" hidden="1">
            <a:extLst>
              <a:ext uri="{FF2B5EF4-FFF2-40B4-BE49-F238E27FC236}">
                <a16:creationId xmlns:a16="http://schemas.microsoft.com/office/drawing/2014/main" id="{717D4B0A-9DC5-43DC-945D-F9E87FF1266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9" name="OTLSHAPE_T_9a89dfc018eb4789afe97a441c86fe54_StartDate" hidden="1">
            <a:extLst>
              <a:ext uri="{FF2B5EF4-FFF2-40B4-BE49-F238E27FC236}">
                <a16:creationId xmlns:a16="http://schemas.microsoft.com/office/drawing/2014/main" id="{932C7366-F48C-40F0-AF3E-26EB0C4F730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9a89dfc018eb4789afe97a441c86fe54_EndDate" hidden="1">
            <a:extLst>
              <a:ext uri="{FF2B5EF4-FFF2-40B4-BE49-F238E27FC236}">
                <a16:creationId xmlns:a16="http://schemas.microsoft.com/office/drawing/2014/main" id="{F4BF39F8-33C1-470F-A59D-992A84408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9a89dfc018eb4789afe97a441c86fe54_Title">
            <a:extLst>
              <a:ext uri="{FF2B5EF4-FFF2-40B4-BE49-F238E27FC236}">
                <a16:creationId xmlns:a16="http://schemas.microsoft.com/office/drawing/2014/main" id="{AC6C6C56-D323-4724-9D69-AAF6C376C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65473" y="421199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82" name="OTLSHAPE_T_9a89dfc018eb4789afe97a441c86fe54_JoinedDate">
            <a:extLst>
              <a:ext uri="{FF2B5EF4-FFF2-40B4-BE49-F238E27FC236}">
                <a16:creationId xmlns:a16="http://schemas.microsoft.com/office/drawing/2014/main" id="{C760B498-16E6-4D0C-8D9C-875A542867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522929" y="42197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13 - Mar 14</a:t>
            </a:r>
          </a:p>
        </p:txBody>
      </p:sp>
      <p:sp>
        <p:nvSpPr>
          <p:cNvPr id="83" name="OTLSHAPE_T_9a89dfc018eb4789afe97a441c86fe54_TextPercentage" hidden="1">
            <a:extLst>
              <a:ext uri="{FF2B5EF4-FFF2-40B4-BE49-F238E27FC236}">
                <a16:creationId xmlns:a16="http://schemas.microsoft.com/office/drawing/2014/main" id="{B3D3EF0F-253D-4FDF-AF2D-1076D188D6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6EA4E006-A81A-47A9-BDC7-ED22651341C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357829" y="4953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b962aaddcaf5441b8a6fc77abd3dcb9c_Shape">
            <a:extLst>
              <a:ext uri="{FF2B5EF4-FFF2-40B4-BE49-F238E27FC236}">
                <a16:creationId xmlns:a16="http://schemas.microsoft.com/office/drawing/2014/main" id="{E0FE7234-2381-49F1-B4C9-10D3659533D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826131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5cb93c42c4ca4be89de13d38ebfbf34b_Shape">
            <a:extLst>
              <a:ext uri="{FF2B5EF4-FFF2-40B4-BE49-F238E27FC236}">
                <a16:creationId xmlns:a16="http://schemas.microsoft.com/office/drawing/2014/main" id="{1B0F19C4-247B-4A9E-8AC7-DCD92405241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48827" y="5334000"/>
            <a:ext cx="228600" cy="254000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c0879fc783884e34854bcc3a792e074d_Shape">
            <a:extLst>
              <a:ext uri="{FF2B5EF4-FFF2-40B4-BE49-F238E27FC236}">
                <a16:creationId xmlns:a16="http://schemas.microsoft.com/office/drawing/2014/main" id="{DE198657-4117-413A-B896-4003EA9A6BD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106293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ce26170957a94899b810e6f3c6ef8ef5_Shape">
            <a:extLst>
              <a:ext uri="{FF2B5EF4-FFF2-40B4-BE49-F238E27FC236}">
                <a16:creationId xmlns:a16="http://schemas.microsoft.com/office/drawing/2014/main" id="{4642766E-134E-4480-B686-2E277AAFDDD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014271" y="5334000"/>
            <a:ext cx="228600" cy="254000"/>
          </a:xfrm>
          <a:prstGeom prst="downArrow">
            <a:avLst/>
          </a:prstGeom>
          <a:solidFill>
            <a:schemeClr val="dk1"/>
          </a:solidFill>
          <a:ln w="14288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C7779A22-2BB3-45DC-9093-CCD804DABB0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53296" y="460205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BF9FB6CA-D6A9-4267-B0D5-A14218AACDB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286540" y="47979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24" name="OTLSHAPE_M_b962aaddcaf5441b8a6fc77abd3dcb9c_Title">
            <a:extLst>
              <a:ext uri="{FF2B5EF4-FFF2-40B4-BE49-F238E27FC236}">
                <a16:creationId xmlns:a16="http://schemas.microsoft.com/office/drawing/2014/main" id="{D2566C41-469C-40F9-8FA5-5C846B0F60A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342664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</a:p>
        </p:txBody>
      </p:sp>
      <p:sp>
        <p:nvSpPr>
          <p:cNvPr id="25" name="OTLSHAPE_M_b962aaddcaf5441b8a6fc77abd3dcb9c_Date">
            <a:extLst>
              <a:ext uri="{FF2B5EF4-FFF2-40B4-BE49-F238E27FC236}">
                <a16:creationId xmlns:a16="http://schemas.microsoft.com/office/drawing/2014/main" id="{2C4BB1AC-2BB0-4110-A9E8-BCC5449A952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87037" y="5588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27" name="OTLSHAPE_M_5cb93c42c4ca4be89de13d38ebfbf34b_Title">
            <a:extLst>
              <a:ext uri="{FF2B5EF4-FFF2-40B4-BE49-F238E27FC236}">
                <a16:creationId xmlns:a16="http://schemas.microsoft.com/office/drawing/2014/main" id="{B1A2CBE2-CC46-4822-8144-45C604006F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9914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8" name="OTLSHAPE_M_5cb93c42c4ca4be89de13d38ebfbf34b_Date">
            <a:extLst>
              <a:ext uri="{FF2B5EF4-FFF2-40B4-BE49-F238E27FC236}">
                <a16:creationId xmlns:a16="http://schemas.microsoft.com/office/drawing/2014/main" id="{5CD8F348-045A-4DFF-B698-3B71C60294E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0356" y="55880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30" name="OTLSHAPE_M_c0879fc783884e34854bcc3a792e074d_Title">
            <a:extLst>
              <a:ext uri="{FF2B5EF4-FFF2-40B4-BE49-F238E27FC236}">
                <a16:creationId xmlns:a16="http://schemas.microsoft.com/office/drawing/2014/main" id="{9EAAD401-6799-4F5D-9DB6-C2CC4FC330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22826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</a:p>
        </p:txBody>
      </p:sp>
      <p:sp>
        <p:nvSpPr>
          <p:cNvPr id="31" name="OTLSHAPE_M_c0879fc783884e34854bcc3a792e074d_Date">
            <a:extLst>
              <a:ext uri="{FF2B5EF4-FFF2-40B4-BE49-F238E27FC236}">
                <a16:creationId xmlns:a16="http://schemas.microsoft.com/office/drawing/2014/main" id="{86B4C4B4-FC2B-47D8-9E87-C5808C5482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048657" y="55880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</a:p>
        </p:txBody>
      </p:sp>
      <p:sp>
        <p:nvSpPr>
          <p:cNvPr id="33" name="OTLSHAPE_M_ce26170957a94899b810e6f3c6ef8ef5_Title">
            <a:extLst>
              <a:ext uri="{FF2B5EF4-FFF2-40B4-BE49-F238E27FC236}">
                <a16:creationId xmlns:a16="http://schemas.microsoft.com/office/drawing/2014/main" id="{1ACF39B1-EFAB-4560-8BFB-8B8E14123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643537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4" name="OTLSHAPE_M_ce26170957a94899b810e6f3c6ef8ef5_Date">
            <a:extLst>
              <a:ext uri="{FF2B5EF4-FFF2-40B4-BE49-F238E27FC236}">
                <a16:creationId xmlns:a16="http://schemas.microsoft.com/office/drawing/2014/main" id="{61FE4136-DC38-4952-9086-52AA53405FD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942982" y="55880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17</a:t>
            </a:r>
          </a:p>
        </p:txBody>
      </p:sp>
      <p:sp>
        <p:nvSpPr>
          <p:cNvPr id="84" name="Title 1">
            <a:extLst>
              <a:ext uri="{FF2B5EF4-FFF2-40B4-BE49-F238E27FC236}">
                <a16:creationId xmlns:a16="http://schemas.microsoft.com/office/drawing/2014/main" id="{464C7E66-0753-446E-9126-A985B67D6925}"/>
              </a:ext>
            </a:extLst>
          </p:cNvPr>
          <p:cNvSpPr>
            <a:spLocks noGrp="1"/>
          </p:cNvSpPr>
          <p:nvPr/>
        </p:nvSpPr>
        <p:spPr>
          <a:xfrm>
            <a:off x="349826" y="216240"/>
            <a:ext cx="7425962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Office Timeline.</a:t>
            </a:r>
          </a:p>
        </p:txBody>
      </p:sp>
      <p:grpSp>
        <p:nvGrpSpPr>
          <p:cNvPr id="85" name="Group 84">
            <a:extLst>
              <a:ext uri="{FF2B5EF4-FFF2-40B4-BE49-F238E27FC236}">
                <a16:creationId xmlns:a16="http://schemas.microsoft.com/office/drawing/2014/main" id="{EBA070DC-9D8B-4F2B-9923-9EB957745927}"/>
              </a:ext>
            </a:extLst>
          </p:cNvPr>
          <p:cNvGrpSpPr/>
          <p:nvPr/>
        </p:nvGrpSpPr>
        <p:grpSpPr>
          <a:xfrm>
            <a:off x="321647" y="698263"/>
            <a:ext cx="3401633" cy="592056"/>
            <a:chOff x="191690" y="711203"/>
            <a:chExt cx="3401633" cy="592056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9FB2461A-AEC4-44A1-BC38-DA5878738374}"/>
                </a:ext>
              </a:extLst>
            </p:cNvPr>
            <p:cNvGrpSpPr/>
            <p:nvPr/>
          </p:nvGrpSpPr>
          <p:grpSpPr>
            <a:xfrm>
              <a:off x="191690" y="711203"/>
              <a:ext cx="607553" cy="592056"/>
              <a:chOff x="191690" y="711203"/>
              <a:chExt cx="607553" cy="592056"/>
            </a:xfrm>
          </p:grpSpPr>
          <p:sp>
            <p:nvSpPr>
              <p:cNvPr id="88" name="Rectangle: Rounded Corners 87">
                <a:extLst>
                  <a:ext uri="{FF2B5EF4-FFF2-40B4-BE49-F238E27FC236}">
                    <a16:creationId xmlns:a16="http://schemas.microsoft.com/office/drawing/2014/main" id="{2EAA1BFF-3296-4D0A-A71D-7A0D9466927D}"/>
                  </a:ext>
                </a:extLst>
              </p:cNvPr>
              <p:cNvSpPr/>
              <p:nvPr/>
            </p:nvSpPr>
            <p:spPr>
              <a:xfrm>
                <a:off x="299037" y="711203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89" name="Picture 88">
                <a:extLst>
                  <a:ext uri="{FF2B5EF4-FFF2-40B4-BE49-F238E27FC236}">
                    <a16:creationId xmlns:a16="http://schemas.microsoft.com/office/drawing/2014/main" id="{8170C0BB-C509-4AA3-AF22-54A39B11EB9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5"/>
              <a:stretch>
                <a:fillRect/>
              </a:stretch>
            </p:blipFill>
            <p:spPr>
              <a:xfrm>
                <a:off x="389325" y="797670"/>
                <a:ext cx="336567" cy="419122"/>
              </a:xfrm>
              <a:prstGeom prst="rect">
                <a:avLst/>
              </a:prstGeom>
            </p:spPr>
          </p:pic>
          <p:pic>
            <p:nvPicPr>
              <p:cNvPr id="90" name="Graphic 89">
                <a:extLst>
                  <a:ext uri="{FF2B5EF4-FFF2-40B4-BE49-F238E27FC236}">
                    <a16:creationId xmlns:a16="http://schemas.microsoft.com/office/drawing/2014/main" id="{59828F44-3F26-4D9D-ADE9-E7F22C1DF79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6">
                <a:extLst>
                  <a:ext uri="{96DAC541-7B7A-43D3-8B79-37D633B846F1}">
                    <asvg:svgBlip xmlns:asvg="http://schemas.microsoft.com/office/drawing/2016/SVG/main" r:embed="rId87"/>
                  </a:ext>
                </a:extLst>
              </a:blip>
              <a:stretch>
                <a:fillRect/>
              </a:stretch>
            </p:blipFill>
            <p:spPr>
              <a:xfrm>
                <a:off x="191690" y="902456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36B8BBF7-5221-4AF4-B0DA-8E302ACF1756}"/>
                </a:ext>
              </a:extLst>
            </p:cNvPr>
            <p:cNvSpPr/>
            <p:nvPr/>
          </p:nvSpPr>
          <p:spPr>
            <a:xfrm>
              <a:off x="806413" y="776399"/>
              <a:ext cx="2786910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Timeline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 to adjust the layout by dragging &amp; dropping elements.</a:t>
              </a:r>
            </a:p>
          </p:txBody>
        </p:sp>
      </p:grpSp>
      <p:grpSp>
        <p:nvGrpSpPr>
          <p:cNvPr id="91" name="Group 90">
            <a:extLst>
              <a:ext uri="{FF2B5EF4-FFF2-40B4-BE49-F238E27FC236}">
                <a16:creationId xmlns:a16="http://schemas.microsoft.com/office/drawing/2014/main" id="{EEB279A6-611B-4951-9386-4D1A718C7B13}"/>
              </a:ext>
            </a:extLst>
          </p:cNvPr>
          <p:cNvGrpSpPr/>
          <p:nvPr/>
        </p:nvGrpSpPr>
        <p:grpSpPr>
          <a:xfrm>
            <a:off x="4357583" y="698263"/>
            <a:ext cx="3320699" cy="592056"/>
            <a:chOff x="4478604" y="783136"/>
            <a:chExt cx="3320699" cy="59205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FD69DDAE-5C3E-4777-9B3E-18381691B5B9}"/>
                </a:ext>
              </a:extLst>
            </p:cNvPr>
            <p:cNvGrpSpPr/>
            <p:nvPr/>
          </p:nvGrpSpPr>
          <p:grpSpPr>
            <a:xfrm>
              <a:off x="4478604" y="783136"/>
              <a:ext cx="604981" cy="592056"/>
              <a:chOff x="4463049" y="1468470"/>
              <a:chExt cx="604981" cy="592056"/>
            </a:xfrm>
          </p:grpSpPr>
          <p:sp>
            <p:nvSpPr>
              <p:cNvPr id="94" name="Rectangle: Rounded Corners 93">
                <a:extLst>
                  <a:ext uri="{FF2B5EF4-FFF2-40B4-BE49-F238E27FC236}">
                    <a16:creationId xmlns:a16="http://schemas.microsoft.com/office/drawing/2014/main" id="{94FCA294-95CE-4BC0-B81F-9DAAEF4BBB28}"/>
                  </a:ext>
                </a:extLst>
              </p:cNvPr>
              <p:cNvSpPr/>
              <p:nvPr/>
            </p:nvSpPr>
            <p:spPr>
              <a:xfrm>
                <a:off x="456782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95" name="Picture 94">
                <a:extLst>
                  <a:ext uri="{FF2B5EF4-FFF2-40B4-BE49-F238E27FC236}">
                    <a16:creationId xmlns:a16="http://schemas.microsoft.com/office/drawing/2014/main" id="{BA32B8C8-009C-4051-94F9-C9D934DB8D6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8"/>
              <a:stretch>
                <a:fillRect/>
              </a:stretch>
            </p:blipFill>
            <p:spPr>
              <a:xfrm>
                <a:off x="4719496" y="1554937"/>
                <a:ext cx="228612" cy="419122"/>
              </a:xfrm>
              <a:prstGeom prst="rect">
                <a:avLst/>
              </a:prstGeom>
            </p:spPr>
          </p:pic>
          <p:pic>
            <p:nvPicPr>
              <p:cNvPr id="96" name="Graphic 95">
                <a:extLst>
                  <a:ext uri="{FF2B5EF4-FFF2-40B4-BE49-F238E27FC236}">
                    <a16:creationId xmlns:a16="http://schemas.microsoft.com/office/drawing/2014/main" id="{0C439D65-CFAE-4500-BD00-20FCF18962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4463049" y="1659723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1EFC11C2-3269-4F0D-92D8-471E8AB21BFA}"/>
                </a:ext>
              </a:extLst>
            </p:cNvPr>
            <p:cNvSpPr/>
            <p:nvPr/>
          </p:nvSpPr>
          <p:spPr>
            <a:xfrm>
              <a:off x="5089869" y="848332"/>
              <a:ext cx="2709434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Data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button to manage your timeline items in a list format.</a:t>
              </a: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AE01B4FC-7DEC-4462-BE4C-FE3F3EC5EBAD}"/>
              </a:ext>
            </a:extLst>
          </p:cNvPr>
          <p:cNvGrpSpPr/>
          <p:nvPr/>
        </p:nvGrpSpPr>
        <p:grpSpPr>
          <a:xfrm>
            <a:off x="8387068" y="698263"/>
            <a:ext cx="3007016" cy="592056"/>
            <a:chOff x="8535321" y="783136"/>
            <a:chExt cx="3007016" cy="592056"/>
          </a:xfrm>
        </p:grpSpPr>
        <p:grpSp>
          <p:nvGrpSpPr>
            <p:cNvPr id="98" name="Group 97">
              <a:extLst>
                <a:ext uri="{FF2B5EF4-FFF2-40B4-BE49-F238E27FC236}">
                  <a16:creationId xmlns:a16="http://schemas.microsoft.com/office/drawing/2014/main" id="{E9672331-96E6-41FD-991E-645F9145F837}"/>
                </a:ext>
              </a:extLst>
            </p:cNvPr>
            <p:cNvGrpSpPr/>
            <p:nvPr/>
          </p:nvGrpSpPr>
          <p:grpSpPr>
            <a:xfrm>
              <a:off x="8535321" y="783136"/>
              <a:ext cx="604981" cy="592056"/>
              <a:chOff x="8099379" y="1468470"/>
              <a:chExt cx="604981" cy="592056"/>
            </a:xfrm>
          </p:grpSpPr>
          <p:sp>
            <p:nvSpPr>
              <p:cNvPr id="100" name="Rectangle: Rounded Corners 99">
                <a:extLst>
                  <a:ext uri="{FF2B5EF4-FFF2-40B4-BE49-F238E27FC236}">
                    <a16:creationId xmlns:a16="http://schemas.microsoft.com/office/drawing/2014/main" id="{5ADC6B43-4398-47FF-B44C-440F9B851A8D}"/>
                  </a:ext>
                </a:extLst>
              </p:cNvPr>
              <p:cNvSpPr/>
              <p:nvPr/>
            </p:nvSpPr>
            <p:spPr>
              <a:xfrm>
                <a:off x="820415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101" name="Graphic 100">
                <a:extLst>
                  <a:ext uri="{FF2B5EF4-FFF2-40B4-BE49-F238E27FC236}">
                    <a16:creationId xmlns:a16="http://schemas.microsoft.com/office/drawing/2014/main" id="{911B9BC1-9EAF-4BCC-BCBE-72356C2B469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2" name="Graphic 101">
                <a:extLst>
                  <a:ext uri="{FF2B5EF4-FFF2-40B4-BE49-F238E27FC236}">
                    <a16:creationId xmlns:a16="http://schemas.microsoft.com/office/drawing/2014/main" id="{5E959C12-E6F6-4D2D-86F9-C6778D18B9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1">
                <a:extLst>
                  <a:ext uri="{96DAC541-7B7A-43D3-8B79-37D633B846F1}">
                    <asvg:svgBlip xmlns:asvg="http://schemas.microsoft.com/office/drawing/2016/SVG/main" r:embed="rId92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3" name="Picture 102">
                <a:extLst>
                  <a:ext uri="{FF2B5EF4-FFF2-40B4-BE49-F238E27FC236}">
                    <a16:creationId xmlns:a16="http://schemas.microsoft.com/office/drawing/2014/main" id="{11F03F2D-CB64-4AAD-A7E1-CDFB063166A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3"/>
              <a:stretch>
                <a:fillRect/>
              </a:stretch>
            </p:blipFill>
            <p:spPr>
              <a:xfrm>
                <a:off x="8346303" y="1554937"/>
                <a:ext cx="228612" cy="419122"/>
              </a:xfrm>
              <a:prstGeom prst="rect">
                <a:avLst/>
              </a:prstGeom>
            </p:spPr>
          </p:pic>
        </p:grp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93B31F45-3156-4C53-8028-CEA398F58A32}"/>
                </a:ext>
              </a:extLst>
            </p:cNvPr>
            <p:cNvSpPr/>
            <p:nvPr/>
          </p:nvSpPr>
          <p:spPr>
            <a:xfrm>
              <a:off x="9140302" y="848332"/>
              <a:ext cx="2402035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Use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Style Pane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to customize any element on the timeline. 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275002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79f05e8de72e4cc385fce875fa65517f_BackgroundRectangle">
            <a:extLst>
              <a:ext uri="{FF2B5EF4-FFF2-40B4-BE49-F238E27FC236}">
                <a16:creationId xmlns:a16="http://schemas.microsoft.com/office/drawing/2014/main" id="{10777709-08F2-489F-82BB-0BA1923D2D3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70300"/>
            <a:ext cx="11201400" cy="709338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SL_8911bceb679441adb3756a794b682f31_BackgroundRectangle">
            <a:extLst>
              <a:ext uri="{FF2B5EF4-FFF2-40B4-BE49-F238E27FC236}">
                <a16:creationId xmlns:a16="http://schemas.microsoft.com/office/drawing/2014/main" id="{7D472B93-7BEF-4EA9-BFE2-EF5E7C543B5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443138"/>
            <a:ext cx="11201400" cy="78011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9eb76584bb32452eac07fb2637baea1a_BackgroundRectangle">
            <a:extLst>
              <a:ext uri="{FF2B5EF4-FFF2-40B4-BE49-F238E27FC236}">
                <a16:creationId xmlns:a16="http://schemas.microsoft.com/office/drawing/2014/main" id="{CBFD80A7-78B0-4945-A171-DAABA3BA3AE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86757"/>
            <a:ext cx="112014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3146f71ce5904084802d4065bc2dcfb3_BackgroundRectangle" hidden="1">
            <a:extLst>
              <a:ext uri="{FF2B5EF4-FFF2-40B4-BE49-F238E27FC236}">
                <a16:creationId xmlns:a16="http://schemas.microsoft.com/office/drawing/2014/main" id="{B0763F4B-6284-4496-A821-58EE38CD3F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9831" y="3670300"/>
            <a:ext cx="9994900" cy="70933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2A_26b1477f92744f19b33381b6f24df354_BackgroundRectangle" hidden="1">
            <a:extLst>
              <a:ext uri="{FF2B5EF4-FFF2-40B4-BE49-F238E27FC236}">
                <a16:creationId xmlns:a16="http://schemas.microsoft.com/office/drawing/2014/main" id="{C94ADC03-B93B-48CB-AC1C-5302E425331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9831" y="4443138"/>
            <a:ext cx="9994900" cy="7801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2A_f331de7bed1845dbaeca24d5618f851c_BackgroundRectangle" hidden="1">
            <a:extLst>
              <a:ext uri="{FF2B5EF4-FFF2-40B4-BE49-F238E27FC236}">
                <a16:creationId xmlns:a16="http://schemas.microsoft.com/office/drawing/2014/main" id="{50006A8C-FEE2-4B29-AE67-5FEB28696A2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9831" y="5286757"/>
            <a:ext cx="99949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5E54F45-ED7C-415A-8583-236336900AA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4072EAE-3511-4D8A-87C4-2B6AD6D4414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13085" y="31381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9" name="OTLSHAPE_M_e7d42421d9e640a2a107afa423141c46_Connector1">
            <a:extLst>
              <a:ext uri="{FF2B5EF4-FFF2-40B4-BE49-F238E27FC236}">
                <a16:creationId xmlns:a16="http://schemas.microsoft.com/office/drawing/2014/main" id="{82E5E9DD-5C86-4E52-B8A3-BC24C6B112C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40479" y="22146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e28a84cf6724e00a089964be0d24b0c_Connector1">
            <a:extLst>
              <a:ext uri="{FF2B5EF4-FFF2-40B4-BE49-F238E27FC236}">
                <a16:creationId xmlns:a16="http://schemas.microsoft.com/office/drawing/2014/main" id="{1AAEA551-E4A6-4084-B4CD-DD1753BEDBC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765269" y="2651676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489D6D-6065-4E5E-A980-56AF951DD0D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96831" y="3086100"/>
            <a:ext cx="98679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Rectangle">
            <a:extLst>
              <a:ext uri="{FF2B5EF4-FFF2-40B4-BE49-F238E27FC236}">
                <a16:creationId xmlns:a16="http://schemas.microsoft.com/office/drawing/2014/main" id="{8AF5C71C-7AEA-4B3E-A958-9FAB9569484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70300"/>
            <a:ext cx="1206500" cy="70933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8911bceb679441adb3756a794b682f31_HeaderRectangle">
            <a:extLst>
              <a:ext uri="{FF2B5EF4-FFF2-40B4-BE49-F238E27FC236}">
                <a16:creationId xmlns:a16="http://schemas.microsoft.com/office/drawing/2014/main" id="{C8B6152D-CDDB-4AA0-9004-FDAD1F881EA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443138"/>
            <a:ext cx="1206500" cy="7801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9eb76584bb32452eac07fb2637baea1a_HeaderRectangle">
            <a:extLst>
              <a:ext uri="{FF2B5EF4-FFF2-40B4-BE49-F238E27FC236}">
                <a16:creationId xmlns:a16="http://schemas.microsoft.com/office/drawing/2014/main" id="{DF3FFD9A-CA53-41CC-AEAC-A2CA77C6315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286757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2A_3146f71ce5904084802d4065bc2dcfb3_HeaderRectangle" hidden="1">
            <a:extLst>
              <a:ext uri="{FF2B5EF4-FFF2-40B4-BE49-F238E27FC236}">
                <a16:creationId xmlns:a16="http://schemas.microsoft.com/office/drawing/2014/main" id="{75840F70-3B42-4D27-8756-C453DD624E4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9831" y="367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2A_26b1477f92744f19b33381b6f24df354_HeaderRectangle" hidden="1">
            <a:extLst>
              <a:ext uri="{FF2B5EF4-FFF2-40B4-BE49-F238E27FC236}">
                <a16:creationId xmlns:a16="http://schemas.microsoft.com/office/drawing/2014/main" id="{39DA8052-9241-416A-B84B-9806C2EA70B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69831" y="44431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2A_f331de7bed1845dbaeca24d5618f851c_HeaderRectangle" hidden="1">
            <a:extLst>
              <a:ext uri="{FF2B5EF4-FFF2-40B4-BE49-F238E27FC236}">
                <a16:creationId xmlns:a16="http://schemas.microsoft.com/office/drawing/2014/main" id="{4A38BFD1-5AF3-4996-93BE-D887CFCE2D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9831" y="5286757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CF92E5D9-0F0F-4898-B724-25ED0EC1CA9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31214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4CDA8A34-436F-4797-B4DE-57E5216AA21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3888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36C4BF34-4DDF-4AD3-8CDB-C9E0A3E60BF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5420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EE441D76-E887-4F73-B17D-6E7C456254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3999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4">
            <a:extLst>
              <a:ext uri="{FF2B5EF4-FFF2-40B4-BE49-F238E27FC236}">
                <a16:creationId xmlns:a16="http://schemas.microsoft.com/office/drawing/2014/main" id="{8DF35025-6FA8-432D-8CA6-B1EA78B70E7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5311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5">
            <a:extLst>
              <a:ext uri="{FF2B5EF4-FFF2-40B4-BE49-F238E27FC236}">
                <a16:creationId xmlns:a16="http://schemas.microsoft.com/office/drawing/2014/main" id="{33FE2AC4-C88A-42C8-A85E-5083AC4CE2A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41102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6">
            <a:extLst>
              <a:ext uri="{FF2B5EF4-FFF2-40B4-BE49-F238E27FC236}">
                <a16:creationId xmlns:a16="http://schemas.microsoft.com/office/drawing/2014/main" id="{8A8A8028-352A-413A-BE62-49329AF2E4F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56419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7">
            <a:extLst>
              <a:ext uri="{FF2B5EF4-FFF2-40B4-BE49-F238E27FC236}">
                <a16:creationId xmlns:a16="http://schemas.microsoft.com/office/drawing/2014/main" id="{423000B6-88FF-4695-96A1-0A049887C23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7173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8">
            <a:extLst>
              <a:ext uri="{FF2B5EF4-FFF2-40B4-BE49-F238E27FC236}">
                <a16:creationId xmlns:a16="http://schemas.microsoft.com/office/drawing/2014/main" id="{85E66686-B522-4ED7-90B0-96DBE4EC5B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5752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9">
            <a:extLst>
              <a:ext uri="{FF2B5EF4-FFF2-40B4-BE49-F238E27FC236}">
                <a16:creationId xmlns:a16="http://schemas.microsoft.com/office/drawing/2014/main" id="{AC532F40-D5FE-46E7-B566-F200D9157D1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372844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E8BF6A60-D90D-46AF-8519-0853736FA41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426336" y="3708400"/>
            <a:ext cx="16002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2ff5b8e034b64a828622147da9a2f6b2_Shape">
            <a:extLst>
              <a:ext uri="{FF2B5EF4-FFF2-40B4-BE49-F238E27FC236}">
                <a16:creationId xmlns:a16="http://schemas.microsoft.com/office/drawing/2014/main" id="{B3B659A7-DA47-4604-B19C-07FFFA08E54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68392" y="3917019"/>
            <a:ext cx="22479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ca32acd5908471a904296b070111595_Shape">
            <a:extLst>
              <a:ext uri="{FF2B5EF4-FFF2-40B4-BE49-F238E27FC236}">
                <a16:creationId xmlns:a16="http://schemas.microsoft.com/office/drawing/2014/main" id="{B5C639F7-B4DB-4BF0-938D-1D6210ABC17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441922" y="4151037"/>
            <a:ext cx="1892300" cy="19050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T_cf25e7caeb934b75b1efd2db71905ad5_Shape">
            <a:extLst>
              <a:ext uri="{FF2B5EF4-FFF2-40B4-BE49-F238E27FC236}">
                <a16:creationId xmlns:a16="http://schemas.microsoft.com/office/drawing/2014/main" id="{8AA8A732-2E78-4E2B-8530-ACDD65CA8C0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68392" y="4481238"/>
            <a:ext cx="9271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T_47cbe89cdf5541999ae0d3ac526194f6_Shape">
            <a:extLst>
              <a:ext uri="{FF2B5EF4-FFF2-40B4-BE49-F238E27FC236}">
                <a16:creationId xmlns:a16="http://schemas.microsoft.com/office/drawing/2014/main" id="{3E789DB6-F97A-4A16-B87C-F5DF385D64B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83709" y="4481238"/>
            <a:ext cx="12446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T_546dc3323d74464a8ef6a4e6e53f36ea_Shape">
            <a:extLst>
              <a:ext uri="{FF2B5EF4-FFF2-40B4-BE49-F238E27FC236}">
                <a16:creationId xmlns:a16="http://schemas.microsoft.com/office/drawing/2014/main" id="{CC907C66-4A2C-4FBF-8D23-584C85E9CA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083709" y="4715257"/>
            <a:ext cx="5994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T_526de5b69e97497f9a5625d453beb623_Shape">
            <a:extLst>
              <a:ext uri="{FF2B5EF4-FFF2-40B4-BE49-F238E27FC236}">
                <a16:creationId xmlns:a16="http://schemas.microsoft.com/office/drawing/2014/main" id="{30D1C7DE-19AD-4FA5-BDC6-CCC547EFA00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741082" y="4981957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2e921e95cd8d4b13a13500bc7b21bf4c_Shape">
            <a:extLst>
              <a:ext uri="{FF2B5EF4-FFF2-40B4-BE49-F238E27FC236}">
                <a16:creationId xmlns:a16="http://schemas.microsoft.com/office/drawing/2014/main" id="{0B384D8E-0919-4E38-B0A3-778052801D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87873" y="4981957"/>
            <a:ext cx="1879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B33730-0E0E-4802-A160-4258C9240F6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396831" y="30861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EF4EEA92-8111-46E5-9AE5-212C22FBD7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26336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2ff5b8e034b64a828622147da9a2f6b2_ShapePercentage" hidden="1">
            <a:extLst>
              <a:ext uri="{FF2B5EF4-FFF2-40B4-BE49-F238E27FC236}">
                <a16:creationId xmlns:a16="http://schemas.microsoft.com/office/drawing/2014/main" id="{769A44F9-CFF0-4E59-8CF5-A3E0F8F14B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168392" y="39170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7ca32acd5908471a904296b070111595_ShapePercentage" hidden="1">
            <a:extLst>
              <a:ext uri="{FF2B5EF4-FFF2-40B4-BE49-F238E27FC236}">
                <a16:creationId xmlns:a16="http://schemas.microsoft.com/office/drawing/2014/main" id="{DB5C5E85-1CD0-47F3-BD10-F141C417B1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41922" y="4151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M_32bf83aed685467d8920db510037242f_Shape">
            <a:extLst>
              <a:ext uri="{FF2B5EF4-FFF2-40B4-BE49-F238E27FC236}">
                <a16:creationId xmlns:a16="http://schemas.microsoft.com/office/drawing/2014/main" id="{F38286BC-AEAC-4334-A4FE-BC6D032D67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60972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SLT_cf25e7caeb934b75b1efd2db71905ad5_ShapePercentage" hidden="1">
            <a:extLst>
              <a:ext uri="{FF2B5EF4-FFF2-40B4-BE49-F238E27FC236}">
                <a16:creationId xmlns:a16="http://schemas.microsoft.com/office/drawing/2014/main" id="{625D0646-F0AC-43CC-96A5-066390B948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68392" y="44812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47cbe89cdf5541999ae0d3ac526194f6_ShapePercentage" hidden="1">
            <a:extLst>
              <a:ext uri="{FF2B5EF4-FFF2-40B4-BE49-F238E27FC236}">
                <a16:creationId xmlns:a16="http://schemas.microsoft.com/office/drawing/2014/main" id="{036E060F-CDE9-47E5-B176-F6AF830ECDE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83709" y="44812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T_546dc3323d74464a8ef6a4e6e53f36ea_ShapePercentage" hidden="1">
            <a:extLst>
              <a:ext uri="{FF2B5EF4-FFF2-40B4-BE49-F238E27FC236}">
                <a16:creationId xmlns:a16="http://schemas.microsoft.com/office/drawing/2014/main" id="{497DD19E-59A6-4EAD-BE84-BF9EA3954E1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83709" y="47152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SLT_526de5b69e97497f9a5625d453beb623_ShapePercentage" hidden="1">
            <a:extLst>
              <a:ext uri="{FF2B5EF4-FFF2-40B4-BE49-F238E27FC236}">
                <a16:creationId xmlns:a16="http://schemas.microsoft.com/office/drawing/2014/main" id="{E70CF26D-030F-4FF3-ACFB-C0537E2195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41082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SLT_2e921e95cd8d4b13a13500bc7b21bf4c_ShapePercentage" hidden="1">
            <a:extLst>
              <a:ext uri="{FF2B5EF4-FFF2-40B4-BE49-F238E27FC236}">
                <a16:creationId xmlns:a16="http://schemas.microsoft.com/office/drawing/2014/main" id="{16CF8197-EE8D-42FB-8ABC-1B5F27D1C8F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87873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SLM_ca3dbe400c15423493b6c02e5f17ffcf_Shape">
            <a:extLst>
              <a:ext uri="{FF2B5EF4-FFF2-40B4-BE49-F238E27FC236}">
                <a16:creationId xmlns:a16="http://schemas.microsoft.com/office/drawing/2014/main" id="{16D5D066-32E3-44DE-A1E2-3CF30DE096B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70287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SLM_07b98bcf678d4671aa63e6c90f0402aa_Shape">
            <a:extLst>
              <a:ext uri="{FF2B5EF4-FFF2-40B4-BE49-F238E27FC236}">
                <a16:creationId xmlns:a16="http://schemas.microsoft.com/office/drawing/2014/main" id="{FF04545A-3B5A-4BF2-817B-C44B382DE74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959134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M_155dc0df6f4143a8a05b7f187d16f3cb_Shape">
            <a:extLst>
              <a:ext uri="{FF2B5EF4-FFF2-40B4-BE49-F238E27FC236}">
                <a16:creationId xmlns:a16="http://schemas.microsoft.com/office/drawing/2014/main" id="{A514068C-55AC-4AC7-A0EB-C95CE31610C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26552" y="55661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9" name="OTLSHAPE_SLM_097fe035032e4cfe9e89d23ddd8d50cc_Shape">
            <a:extLst>
              <a:ext uri="{FF2B5EF4-FFF2-40B4-BE49-F238E27FC236}">
                <a16:creationId xmlns:a16="http://schemas.microsoft.com/office/drawing/2014/main" id="{736C4FE5-EEA7-49EF-B691-35C26549CFE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342976" y="5566157"/>
            <a:ext cx="177800" cy="177800"/>
          </a:xfrm>
          <a:prstGeom prst="ellipse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_79f05e8de72e4cc385fce875fa65517f_Header">
            <a:extLst>
              <a:ext uri="{FF2B5EF4-FFF2-40B4-BE49-F238E27FC236}">
                <a16:creationId xmlns:a16="http://schemas.microsoft.com/office/drawing/2014/main" id="{75945F58-0443-45D5-853A-04FC4A3E765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93194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1" name="OTLSHAPE_SL_8911bceb679441adb3756a794b682f31_Header">
            <a:extLst>
              <a:ext uri="{FF2B5EF4-FFF2-40B4-BE49-F238E27FC236}">
                <a16:creationId xmlns:a16="http://schemas.microsoft.com/office/drawing/2014/main" id="{F952BFD0-8366-4EC1-9B30-A646E804CB2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647143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4" name="OTLSHAPE_SL_9eb76584bb32452eac07fb2637baea1a_Header">
            <a:extLst>
              <a:ext uri="{FF2B5EF4-FFF2-40B4-BE49-F238E27FC236}">
                <a16:creationId xmlns:a16="http://schemas.microsoft.com/office/drawing/2014/main" id="{7E50143B-CEAD-41CE-B003-0D1DD6E1F2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44137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66" name="OTLSHAPE_SL2A_3146f71ce5904084802d4065bc2dcfb3_Header" hidden="1">
            <a:extLst>
              <a:ext uri="{FF2B5EF4-FFF2-40B4-BE49-F238E27FC236}">
                <a16:creationId xmlns:a16="http://schemas.microsoft.com/office/drawing/2014/main" id="{37FA19E5-1E9C-479F-8D23-16B717EF0ED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2A_26b1477f92744f19b33381b6f24df354_Header" hidden="1">
            <a:extLst>
              <a:ext uri="{FF2B5EF4-FFF2-40B4-BE49-F238E27FC236}">
                <a16:creationId xmlns:a16="http://schemas.microsoft.com/office/drawing/2014/main" id="{BD1B2474-441E-4140-B60A-733AB66DDA6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2A_f331de7bed1845dbaeca24d5618f851c_Header" hidden="1">
            <a:extLst>
              <a:ext uri="{FF2B5EF4-FFF2-40B4-BE49-F238E27FC236}">
                <a16:creationId xmlns:a16="http://schemas.microsoft.com/office/drawing/2014/main" id="{66838CE6-5DF7-48AF-BC52-9A695E1DC3B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7616C2D-5D2A-4ADA-92FF-27579584435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342402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9AB9D88-A180-4B41-A2A9-C66AFB95754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84833" y="27730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822E69-FF55-4051-A464-F3BCE988CED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460331" y="31835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0A8A4FB-E869-4489-A65F-12FE589177C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75648" y="31835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2C8821C-11B5-465C-A8D5-2021DC05EE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02386" y="31835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43AB5C2-7807-4988-90FF-9E5A8BD0FE2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17703" y="31835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47B2D56-5C23-411A-9E73-183FAAC6BB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3494" y="31835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A636009-A75D-4C9B-A2DB-38407BF3E3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918811" y="31835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E7A8DCFB-52F0-4AA0-BC21-3531FBBC0D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04602" y="31835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99D4352-957B-4F71-AD24-477D8B4EAA8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719919" y="31835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B5EB0E0-0D72-4C5E-BD5A-43A877BDBC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5236" y="31835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75465A6-6BD7-4819-A0D1-B0B74796232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21027" y="31835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68B32EE-F4F1-48D3-82E3-38868360FB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36344" y="31835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50209B3F-00B0-457F-8FD4-367E9B9CF88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8560E08C-C402-4329-B013-30CE9A81970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9AE60C60-03EE-4DF6-B766-6F90342640C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07594506-C74A-405B-AB75-DB85E19772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888594B9-E000-47D9-8C57-FF4FF8F3FCE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E3C64E51-5C50-4CC3-8A15-B4F1EEA2880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647413" y="370840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78" name="OTLSHAPE_SLT_2ff5b8e034b64a828622147da9a2f6b2_Duration" hidden="1">
            <a:extLst>
              <a:ext uri="{FF2B5EF4-FFF2-40B4-BE49-F238E27FC236}">
                <a16:creationId xmlns:a16="http://schemas.microsoft.com/office/drawing/2014/main" id="{9E3CDC8A-3AD5-4DAF-B0B2-CDBA6EE579B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79" name="OTLSHAPE_SLT_2ff5b8e034b64a828622147da9a2f6b2_TextPercentage" hidden="1">
            <a:extLst>
              <a:ext uri="{FF2B5EF4-FFF2-40B4-BE49-F238E27FC236}">
                <a16:creationId xmlns:a16="http://schemas.microsoft.com/office/drawing/2014/main" id="{C632BC0E-2E2E-4AF1-95BA-B4E3613D004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2ff5b8e034b64a828622147da9a2f6b2_JoinedDate" hidden="1">
            <a:extLst>
              <a:ext uri="{FF2B5EF4-FFF2-40B4-BE49-F238E27FC236}">
                <a16:creationId xmlns:a16="http://schemas.microsoft.com/office/drawing/2014/main" id="{052D9430-6ED3-4556-B01B-73E63D91B6E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1" name="OTLSHAPE_SLT_2ff5b8e034b64a828622147da9a2f6b2_StartDate" hidden="1">
            <a:extLst>
              <a:ext uri="{FF2B5EF4-FFF2-40B4-BE49-F238E27FC236}">
                <a16:creationId xmlns:a16="http://schemas.microsoft.com/office/drawing/2014/main" id="{F0741103-482D-4F99-B658-481FC0A60BF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EndDate" hidden="1">
            <a:extLst>
              <a:ext uri="{FF2B5EF4-FFF2-40B4-BE49-F238E27FC236}">
                <a16:creationId xmlns:a16="http://schemas.microsoft.com/office/drawing/2014/main" id="{8882BCD1-7EAA-4D89-91E8-8C3DE76273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ff5b8e034b64a828622147da9a2f6b2_Title">
            <a:extLst>
              <a:ext uri="{FF2B5EF4-FFF2-40B4-BE49-F238E27FC236}">
                <a16:creationId xmlns:a16="http://schemas.microsoft.com/office/drawing/2014/main" id="{40C5422C-4A48-459B-8814-B1CB2A19051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614478" y="391701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86" name="OTLSHAPE_SLT_7ca32acd5908471a904296b070111595_Duration" hidden="1">
            <a:extLst>
              <a:ext uri="{FF2B5EF4-FFF2-40B4-BE49-F238E27FC236}">
                <a16:creationId xmlns:a16="http://schemas.microsoft.com/office/drawing/2014/main" id="{3A5FE2A3-769C-48F4-B8A4-8121D19A03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87" name="OTLSHAPE_SLT_7ca32acd5908471a904296b070111595_TextPercentage" hidden="1">
            <a:extLst>
              <a:ext uri="{FF2B5EF4-FFF2-40B4-BE49-F238E27FC236}">
                <a16:creationId xmlns:a16="http://schemas.microsoft.com/office/drawing/2014/main" id="{FBD16ADA-C12B-4A0A-9989-73D6D929B3C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ca32acd5908471a904296b070111595_JoinedDate" hidden="1">
            <a:extLst>
              <a:ext uri="{FF2B5EF4-FFF2-40B4-BE49-F238E27FC236}">
                <a16:creationId xmlns:a16="http://schemas.microsoft.com/office/drawing/2014/main" id="{804C4011-7890-4016-BAE5-515ED475F46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89" name="OTLSHAPE_SLT_7ca32acd5908471a904296b070111595_StartDate" hidden="1">
            <a:extLst>
              <a:ext uri="{FF2B5EF4-FFF2-40B4-BE49-F238E27FC236}">
                <a16:creationId xmlns:a16="http://schemas.microsoft.com/office/drawing/2014/main" id="{831BC43A-7D9D-4C8C-BC01-D05DCE314AC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7ca32acd5908471a904296b070111595_EndDate" hidden="1">
            <a:extLst>
              <a:ext uri="{FF2B5EF4-FFF2-40B4-BE49-F238E27FC236}">
                <a16:creationId xmlns:a16="http://schemas.microsoft.com/office/drawing/2014/main" id="{52913707-A3CB-448A-A181-B364A59643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7ca32acd5908471a904296b070111595_Title">
            <a:extLst>
              <a:ext uri="{FF2B5EF4-FFF2-40B4-BE49-F238E27FC236}">
                <a16:creationId xmlns:a16="http://schemas.microsoft.com/office/drawing/2014/main" id="{CE20A6FA-A4BE-4CA9-8C87-7AF75AF90FD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06390" y="416102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02" name="OTLSHAPE_SLM_32bf83aed685467d8920db510037242f_Title">
            <a:extLst>
              <a:ext uri="{FF2B5EF4-FFF2-40B4-BE49-F238E27FC236}">
                <a16:creationId xmlns:a16="http://schemas.microsoft.com/office/drawing/2014/main" id="{CEA51803-A53D-4345-8194-412190CEB1B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12925" y="416102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s</a:t>
            </a:r>
          </a:p>
        </p:txBody>
      </p:sp>
      <p:sp>
        <p:nvSpPr>
          <p:cNvPr id="103" name="OTLSHAPE_SLM_32bf83aed685467d8920db510037242f_Date" hidden="1">
            <a:extLst>
              <a:ext uri="{FF2B5EF4-FFF2-40B4-BE49-F238E27FC236}">
                <a16:creationId xmlns:a16="http://schemas.microsoft.com/office/drawing/2014/main" id="{E8170E78-E83F-4BEB-A959-B5100189218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095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1, 2023</a:t>
            </a:r>
          </a:p>
        </p:txBody>
      </p:sp>
      <p:sp>
        <p:nvSpPr>
          <p:cNvPr id="109" name="OTLSHAPE_SLT_cf25e7caeb934b75b1efd2db71905ad5_Duration" hidden="1">
            <a:extLst>
              <a:ext uri="{FF2B5EF4-FFF2-40B4-BE49-F238E27FC236}">
                <a16:creationId xmlns:a16="http://schemas.microsoft.com/office/drawing/2014/main" id="{E8213BBF-1ADE-4384-8C87-5B300C29B6B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10" name="OTLSHAPE_SLT_cf25e7caeb934b75b1efd2db71905ad5_TextPercentage" hidden="1">
            <a:extLst>
              <a:ext uri="{FF2B5EF4-FFF2-40B4-BE49-F238E27FC236}">
                <a16:creationId xmlns:a16="http://schemas.microsoft.com/office/drawing/2014/main" id="{C8342230-2041-4E95-AB4E-CAAAF0BC0FB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cf25e7caeb934b75b1efd2db71905ad5_JoinedDate" hidden="1">
            <a:extLst>
              <a:ext uri="{FF2B5EF4-FFF2-40B4-BE49-F238E27FC236}">
                <a16:creationId xmlns:a16="http://schemas.microsoft.com/office/drawing/2014/main" id="{D67542E2-432F-452D-9940-450A3892D53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12" name="OTLSHAPE_SLT_cf25e7caeb934b75b1efd2db71905ad5_StartDate" hidden="1">
            <a:extLst>
              <a:ext uri="{FF2B5EF4-FFF2-40B4-BE49-F238E27FC236}">
                <a16:creationId xmlns:a16="http://schemas.microsoft.com/office/drawing/2014/main" id="{5C0C4836-6BA3-40A2-ACE4-7F786E236D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f25e7caeb934b75b1efd2db71905ad5_EndDate" hidden="1">
            <a:extLst>
              <a:ext uri="{FF2B5EF4-FFF2-40B4-BE49-F238E27FC236}">
                <a16:creationId xmlns:a16="http://schemas.microsoft.com/office/drawing/2014/main" id="{B9BD6DB1-D7B8-4A09-AB06-9B0DBDBA2A7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cf25e7caeb934b75b1efd2db71905ad5_Title">
            <a:extLst>
              <a:ext uri="{FF2B5EF4-FFF2-40B4-BE49-F238E27FC236}">
                <a16:creationId xmlns:a16="http://schemas.microsoft.com/office/drawing/2014/main" id="{412E332E-9EAD-49C5-A086-E864C470471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343899" y="448123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" name="OTLSHAPE_SLT_47cbe89cdf5541999ae0d3ac526194f6_Duration" hidden="1">
            <a:extLst>
              <a:ext uri="{FF2B5EF4-FFF2-40B4-BE49-F238E27FC236}">
                <a16:creationId xmlns:a16="http://schemas.microsoft.com/office/drawing/2014/main" id="{70E64FAA-EBC0-4DAC-B335-16AEE6FAB1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18" name="OTLSHAPE_SLT_47cbe89cdf5541999ae0d3ac526194f6_TextPercentage" hidden="1">
            <a:extLst>
              <a:ext uri="{FF2B5EF4-FFF2-40B4-BE49-F238E27FC236}">
                <a16:creationId xmlns:a16="http://schemas.microsoft.com/office/drawing/2014/main" id="{65ECFEF5-C45F-4A5F-9E0B-17ECDA4D19E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7cbe89cdf5541999ae0d3ac526194f6_JoinedDate" hidden="1">
            <a:extLst>
              <a:ext uri="{FF2B5EF4-FFF2-40B4-BE49-F238E27FC236}">
                <a16:creationId xmlns:a16="http://schemas.microsoft.com/office/drawing/2014/main" id="{B4ECD8EB-94B9-45E2-8654-5EE489E9CBD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20" name="OTLSHAPE_SLT_47cbe89cdf5541999ae0d3ac526194f6_StartDate" hidden="1">
            <a:extLst>
              <a:ext uri="{FF2B5EF4-FFF2-40B4-BE49-F238E27FC236}">
                <a16:creationId xmlns:a16="http://schemas.microsoft.com/office/drawing/2014/main" id="{D780BF6D-BC72-4947-87CD-895EC6DE3AE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47cbe89cdf5541999ae0d3ac526194f6_EndDate" hidden="1">
            <a:extLst>
              <a:ext uri="{FF2B5EF4-FFF2-40B4-BE49-F238E27FC236}">
                <a16:creationId xmlns:a16="http://schemas.microsoft.com/office/drawing/2014/main" id="{54F4ED36-58C0-4735-9E87-3D557657F5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47cbe89cdf5541999ae0d3ac526194f6_Title">
            <a:extLst>
              <a:ext uri="{FF2B5EF4-FFF2-40B4-BE49-F238E27FC236}">
                <a16:creationId xmlns:a16="http://schemas.microsoft.com/office/drawing/2014/main" id="{2EBB1887-6F7E-44E8-B45C-92584B227EE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381225" y="44812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25" name="OTLSHAPE_SLT_546dc3323d74464a8ef6a4e6e53f36ea_TextPercentage" hidden="1">
            <a:extLst>
              <a:ext uri="{FF2B5EF4-FFF2-40B4-BE49-F238E27FC236}">
                <a16:creationId xmlns:a16="http://schemas.microsoft.com/office/drawing/2014/main" id="{6DD53F3F-FB96-42C3-AC0C-C020A4F6BE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46dc3323d74464a8ef6a4e6e53f36ea_StartDate" hidden="1">
            <a:extLst>
              <a:ext uri="{FF2B5EF4-FFF2-40B4-BE49-F238E27FC236}">
                <a16:creationId xmlns:a16="http://schemas.microsoft.com/office/drawing/2014/main" id="{8920BCD6-3B16-4E2F-AF0A-AD92F1E04BA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46dc3323d74464a8ef6a4e6e53f36ea_EndDate" hidden="1">
            <a:extLst>
              <a:ext uri="{FF2B5EF4-FFF2-40B4-BE49-F238E27FC236}">
                <a16:creationId xmlns:a16="http://schemas.microsoft.com/office/drawing/2014/main" id="{9ACC5446-DAF8-4469-96D4-FBF6903D5DB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46dc3323d74464a8ef6a4e6e53f36ea_JoinedDate">
            <a:extLst>
              <a:ext uri="{FF2B5EF4-FFF2-40B4-BE49-F238E27FC236}">
                <a16:creationId xmlns:a16="http://schemas.microsoft.com/office/drawing/2014/main" id="{6A3B2E46-3E25-4AC4-A721-16D89DC3A8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321243" y="473934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29" name="OTLSHAPE_SLT_546dc3323d74464a8ef6a4e6e53f36ea_Duration">
            <a:extLst>
              <a:ext uri="{FF2B5EF4-FFF2-40B4-BE49-F238E27FC236}">
                <a16:creationId xmlns:a16="http://schemas.microsoft.com/office/drawing/2014/main" id="{C9DA315C-9419-4852-BC20-08D6E53C381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28360" y="4739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130" name="OTLSHAPE_SLT_546dc3323d74464a8ef6a4e6e53f36ea_Title">
            <a:extLst>
              <a:ext uri="{FF2B5EF4-FFF2-40B4-BE49-F238E27FC236}">
                <a16:creationId xmlns:a16="http://schemas.microsoft.com/office/drawing/2014/main" id="{8EFD3B6A-37F8-45A3-B3FB-C3A4B13159F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698090" y="47315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33" name="OTLSHAPE_SLT_526de5b69e97497f9a5625d453beb623_Duration" hidden="1">
            <a:extLst>
              <a:ext uri="{FF2B5EF4-FFF2-40B4-BE49-F238E27FC236}">
                <a16:creationId xmlns:a16="http://schemas.microsoft.com/office/drawing/2014/main" id="{8EDB71B1-8D62-40BF-AED4-0B81A31E70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34" name="OTLSHAPE_SLT_526de5b69e97497f9a5625d453beb623_TextPercentage" hidden="1">
            <a:extLst>
              <a:ext uri="{FF2B5EF4-FFF2-40B4-BE49-F238E27FC236}">
                <a16:creationId xmlns:a16="http://schemas.microsoft.com/office/drawing/2014/main" id="{92004183-0C71-4BFA-9D81-093199F7076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526de5b69e97497f9a5625d453beb623_JoinedDate" hidden="1">
            <a:extLst>
              <a:ext uri="{FF2B5EF4-FFF2-40B4-BE49-F238E27FC236}">
                <a16:creationId xmlns:a16="http://schemas.microsoft.com/office/drawing/2014/main" id="{C3387DA9-F0EF-4322-9AC3-00624165F64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9</a:t>
            </a:r>
          </a:p>
        </p:txBody>
      </p:sp>
      <p:sp>
        <p:nvSpPr>
          <p:cNvPr id="136" name="OTLSHAPE_SLT_526de5b69e97497f9a5625d453beb623_StartDate" hidden="1">
            <a:extLst>
              <a:ext uri="{FF2B5EF4-FFF2-40B4-BE49-F238E27FC236}">
                <a16:creationId xmlns:a16="http://schemas.microsoft.com/office/drawing/2014/main" id="{F0F65436-78E7-489A-BCF6-66198B2950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526de5b69e97497f9a5625d453beb623_EndDate" hidden="1">
            <a:extLst>
              <a:ext uri="{FF2B5EF4-FFF2-40B4-BE49-F238E27FC236}">
                <a16:creationId xmlns:a16="http://schemas.microsoft.com/office/drawing/2014/main" id="{3A7E9530-038B-48F2-92B6-FAB479F2C3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26de5b69e97497f9a5625d453beb623_Title">
            <a:extLst>
              <a:ext uri="{FF2B5EF4-FFF2-40B4-BE49-F238E27FC236}">
                <a16:creationId xmlns:a16="http://schemas.microsoft.com/office/drawing/2014/main" id="{354A39AE-22E8-4B52-B80E-3B4298BBD48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153708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41" name="OTLSHAPE_SLT_2e921e95cd8d4b13a13500bc7b21bf4c_Duration" hidden="1">
            <a:extLst>
              <a:ext uri="{FF2B5EF4-FFF2-40B4-BE49-F238E27FC236}">
                <a16:creationId xmlns:a16="http://schemas.microsoft.com/office/drawing/2014/main" id="{A66E0C41-F1FF-4685-82DB-6EF1B69AA6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42" name="OTLSHAPE_SLT_2e921e95cd8d4b13a13500bc7b21bf4c_TextPercentage" hidden="1">
            <a:extLst>
              <a:ext uri="{FF2B5EF4-FFF2-40B4-BE49-F238E27FC236}">
                <a16:creationId xmlns:a16="http://schemas.microsoft.com/office/drawing/2014/main" id="{D11A6C13-5486-41B4-AD58-B223C56295A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2e921e95cd8d4b13a13500bc7b21bf4c_JoinedDate" hidden="1">
            <a:extLst>
              <a:ext uri="{FF2B5EF4-FFF2-40B4-BE49-F238E27FC236}">
                <a16:creationId xmlns:a16="http://schemas.microsoft.com/office/drawing/2014/main" id="{F6BCEEF2-0F5E-4C32-BEC6-C76F97E02A9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21</a:t>
            </a:r>
          </a:p>
        </p:txBody>
      </p:sp>
      <p:sp>
        <p:nvSpPr>
          <p:cNvPr id="144" name="OTLSHAPE_SLT_2e921e95cd8d4b13a13500bc7b21bf4c_StartDate" hidden="1">
            <a:extLst>
              <a:ext uri="{FF2B5EF4-FFF2-40B4-BE49-F238E27FC236}">
                <a16:creationId xmlns:a16="http://schemas.microsoft.com/office/drawing/2014/main" id="{D6C1D4BF-835F-4070-ABD5-8CC3994DA3C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e921e95cd8d4b13a13500bc7b21bf4c_EndDate" hidden="1">
            <a:extLst>
              <a:ext uri="{FF2B5EF4-FFF2-40B4-BE49-F238E27FC236}">
                <a16:creationId xmlns:a16="http://schemas.microsoft.com/office/drawing/2014/main" id="{E68115E7-649E-41AC-8337-4C830A8966E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2e921e95cd8d4b13a13500bc7b21bf4c_Title">
            <a:extLst>
              <a:ext uri="{FF2B5EF4-FFF2-40B4-BE49-F238E27FC236}">
                <a16:creationId xmlns:a16="http://schemas.microsoft.com/office/drawing/2014/main" id="{94A89512-FDAA-4830-95AB-3FD8E9B7A0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811120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51" name="OTLSHAPE_SLM_ca3dbe400c15423493b6c02e5f17ffcf_Title">
            <a:extLst>
              <a:ext uri="{FF2B5EF4-FFF2-40B4-BE49-F238E27FC236}">
                <a16:creationId xmlns:a16="http://schemas.microsoft.com/office/drawing/2014/main" id="{2E63034E-AA12-4196-93B9-D9C0B59FB1E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47217" y="532849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152" name="OTLSHAPE_SLM_ca3dbe400c15423493b6c02e5f17ffcf_Date">
            <a:extLst>
              <a:ext uri="{FF2B5EF4-FFF2-40B4-BE49-F238E27FC236}">
                <a16:creationId xmlns:a16="http://schemas.microsoft.com/office/drawing/2014/main" id="{04B2CC93-1952-42D6-8B42-40781E6D23E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98887" y="5343992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4, 2023</a:t>
            </a:r>
          </a:p>
        </p:txBody>
      </p:sp>
      <p:sp>
        <p:nvSpPr>
          <p:cNvPr id="154" name="OTLSHAPE_SLM_07b98bcf678d4671aa63e6c90f0402aa_Title">
            <a:extLst>
              <a:ext uri="{FF2B5EF4-FFF2-40B4-BE49-F238E27FC236}">
                <a16:creationId xmlns:a16="http://schemas.microsoft.com/office/drawing/2014/main" id="{4BC46A3B-6862-4667-B5FE-A020909EFE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818124" y="532849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155" name="OTLSHAPE_SLM_07b98bcf678d4671aa63e6c90f0402aa_Date">
            <a:extLst>
              <a:ext uri="{FF2B5EF4-FFF2-40B4-BE49-F238E27FC236}">
                <a16:creationId xmlns:a16="http://schemas.microsoft.com/office/drawing/2014/main" id="{6A5C43E1-716E-4EF9-9894-B3B1420486A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187734" y="534399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157" name="OTLSHAPE_SLM_155dc0df6f4143a8a05b7f187d16f3cb_Title">
            <a:extLst>
              <a:ext uri="{FF2B5EF4-FFF2-40B4-BE49-F238E27FC236}">
                <a16:creationId xmlns:a16="http://schemas.microsoft.com/office/drawing/2014/main" id="{304C60B7-3D51-4F6A-9334-FC25A14041D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810746" y="55697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58" name="OTLSHAPE_SLM_155dc0df6f4143a8a05b7f187d16f3cb_Date">
            <a:extLst>
              <a:ext uri="{FF2B5EF4-FFF2-40B4-BE49-F238E27FC236}">
                <a16:creationId xmlns:a16="http://schemas.microsoft.com/office/drawing/2014/main" id="{101DCD84-D7C7-4F11-837E-72C2F04A624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55152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2, 2023</a:t>
            </a:r>
          </a:p>
        </p:txBody>
      </p:sp>
      <p:sp>
        <p:nvSpPr>
          <p:cNvPr id="160" name="OTLSHAPE_SLM_097fe035032e4cfe9e89d23ddd8d50cc_Title">
            <a:extLst>
              <a:ext uri="{FF2B5EF4-FFF2-40B4-BE49-F238E27FC236}">
                <a16:creationId xmlns:a16="http://schemas.microsoft.com/office/drawing/2014/main" id="{DBBF6740-C188-48D1-B13F-ABBDCB61808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260470" y="556979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61" name="OTLSHAPE_SLM_097fe035032e4cfe9e89d23ddd8d50cc_Date">
            <a:extLst>
              <a:ext uri="{FF2B5EF4-FFF2-40B4-BE49-F238E27FC236}">
                <a16:creationId xmlns:a16="http://schemas.microsoft.com/office/drawing/2014/main" id="{4E1D8FA0-7F9B-4853-AA9E-24888EAA84C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571576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Nov 2, 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800E06-9A29-444F-AC00-E447E30E07B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231214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9EB5477-C10F-4FFD-A4FB-7507FDA53042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313888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5C2DFE6-657E-47E0-9804-B250E9E4E82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405420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1108E25-2A5C-407D-A78A-1E44EEDD952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493999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6AED33C-AB93-4B6A-BA04-EC62F1C56FE3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5855311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9FEAE30-7A6B-48F7-9A34-491F43ED72D6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6741102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8FB604D-DBF7-430E-9850-17711E84279E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7656419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C3367913-885F-4C7C-896F-555BC27162C2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857173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BAE0011F-6D10-429C-9413-3A8EA942E936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45752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74FACCE-2150-445A-B67A-5A6CB464455E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10372844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M_177188707e544830b8ce884a45b14d3a_Shape">
            <a:extLst>
              <a:ext uri="{FF2B5EF4-FFF2-40B4-BE49-F238E27FC236}">
                <a16:creationId xmlns:a16="http://schemas.microsoft.com/office/drawing/2014/main" id="{8E3E2F62-5DA1-4765-B8F4-ED18D25202D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2020669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b8c603269952439b977cb103e5f76bdb_Shape">
            <a:extLst>
              <a:ext uri="{FF2B5EF4-FFF2-40B4-BE49-F238E27FC236}">
                <a16:creationId xmlns:a16="http://schemas.microsoft.com/office/drawing/2014/main" id="{74124231-96F2-4703-A04D-438CA9E2E835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626782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e7d42421d9e640a2a107afa423141c46_Shape">
            <a:extLst>
              <a:ext uri="{FF2B5EF4-FFF2-40B4-BE49-F238E27FC236}">
                <a16:creationId xmlns:a16="http://schemas.microsoft.com/office/drawing/2014/main" id="{978326E5-BF2A-4AAC-BAD8-95AAEE65A63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465879" y="2214626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0e28a84cf6724e00a089964be0d24b0c_Shape">
            <a:extLst>
              <a:ext uri="{FF2B5EF4-FFF2-40B4-BE49-F238E27FC236}">
                <a16:creationId xmlns:a16="http://schemas.microsoft.com/office/drawing/2014/main" id="{93B80352-DE44-4B1F-A33E-341238CFCAC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790669" y="265167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b1a2b0ad50c54f3db24b3aab69d68fc5_Shape">
            <a:extLst>
              <a:ext uri="{FF2B5EF4-FFF2-40B4-BE49-F238E27FC236}">
                <a16:creationId xmlns:a16="http://schemas.microsoft.com/office/drawing/2014/main" id="{CF001C03-46F3-48B5-B417-698CDDCA9AD9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933734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A_96c9556a7149459ab1aa5830ee29e508_Shape">
            <a:extLst>
              <a:ext uri="{FF2B5EF4-FFF2-40B4-BE49-F238E27FC236}">
                <a16:creationId xmlns:a16="http://schemas.microsoft.com/office/drawing/2014/main" id="{9A336131-899F-4C20-8443-A4178CD8A01D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720038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A_59a28bf6e2504bfc9817b81e1db70ce7_Shape">
            <a:extLst>
              <a:ext uri="{FF2B5EF4-FFF2-40B4-BE49-F238E27FC236}">
                <a16:creationId xmlns:a16="http://schemas.microsoft.com/office/drawing/2014/main" id="{0D0827E4-7B6D-498C-B426-A805F03D51C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340091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A_51288dd7ee1141c187e9f3ab13f10e91_Shape">
            <a:extLst>
              <a:ext uri="{FF2B5EF4-FFF2-40B4-BE49-F238E27FC236}">
                <a16:creationId xmlns:a16="http://schemas.microsoft.com/office/drawing/2014/main" id="{AC8706D3-CBBD-4DC0-9E56-7B1993976841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96014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177188707e544830b8ce884a45b14d3a_Title">
            <a:extLst>
              <a:ext uri="{FF2B5EF4-FFF2-40B4-BE49-F238E27FC236}">
                <a16:creationId xmlns:a16="http://schemas.microsoft.com/office/drawing/2014/main" id="{79B710E2-2D07-4EC4-A839-54C47068DDC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718409" y="25474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2" name="OTLSHAPE_M_177188707e544830b8ce884a45b14d3a_Date">
            <a:extLst>
              <a:ext uri="{FF2B5EF4-FFF2-40B4-BE49-F238E27FC236}">
                <a16:creationId xmlns:a16="http://schemas.microsoft.com/office/drawing/2014/main" id="{C3A13D63-19D4-4BB0-A43D-B5044463F4E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845515" y="27306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an 25, 2023</a:t>
            </a:r>
          </a:p>
        </p:txBody>
      </p:sp>
      <p:sp>
        <p:nvSpPr>
          <p:cNvPr id="34" name="OTLSHAPE_M_b8c603269952439b977cb103e5f76bdb_Title">
            <a:extLst>
              <a:ext uri="{FF2B5EF4-FFF2-40B4-BE49-F238E27FC236}">
                <a16:creationId xmlns:a16="http://schemas.microsoft.com/office/drawing/2014/main" id="{55D8ACA5-E113-4343-84D1-9B7329812E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78704" y="254745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Beta Release</a:t>
            </a:r>
          </a:p>
        </p:txBody>
      </p:sp>
      <p:sp>
        <p:nvSpPr>
          <p:cNvPr id="35" name="OTLSHAPE_M_b8c603269952439b977cb103e5f76bdb_Date">
            <a:extLst>
              <a:ext uri="{FF2B5EF4-FFF2-40B4-BE49-F238E27FC236}">
                <a16:creationId xmlns:a16="http://schemas.microsoft.com/office/drawing/2014/main" id="{6490D543-E61F-4660-99AE-A1A1544B942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448960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30, 2023</a:t>
            </a:r>
          </a:p>
        </p:txBody>
      </p:sp>
      <p:sp>
        <p:nvSpPr>
          <p:cNvPr id="37" name="OTLSHAPE_M_e7d42421d9e640a2a107afa423141c46_Title">
            <a:extLst>
              <a:ext uri="{FF2B5EF4-FFF2-40B4-BE49-F238E27FC236}">
                <a16:creationId xmlns:a16="http://schemas.microsoft.com/office/drawing/2014/main" id="{D95CA831-8FD9-405A-8BB3-602E1B89A7D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662729" y="21104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8" name="OTLSHAPE_M_e7d42421d9e640a2a107afa423141c46_Date">
            <a:extLst>
              <a:ext uri="{FF2B5EF4-FFF2-40B4-BE49-F238E27FC236}">
                <a16:creationId xmlns:a16="http://schemas.microsoft.com/office/drawing/2014/main" id="{2351FE41-7D07-4408-B202-D70B2CBA2CD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662729" y="22936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10, 2023</a:t>
            </a:r>
          </a:p>
        </p:txBody>
      </p:sp>
      <p:sp>
        <p:nvSpPr>
          <p:cNvPr id="40" name="OTLSHAPE_M_0e28a84cf6724e00a089964be0d24b0c_Title">
            <a:extLst>
              <a:ext uri="{FF2B5EF4-FFF2-40B4-BE49-F238E27FC236}">
                <a16:creationId xmlns:a16="http://schemas.microsoft.com/office/drawing/2014/main" id="{EC4A845E-5D5E-4EE3-90B9-A0CD8FB414D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987519" y="25474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41" name="OTLSHAPE_M_0e28a84cf6724e00a089964be0d24b0c_Date">
            <a:extLst>
              <a:ext uri="{FF2B5EF4-FFF2-40B4-BE49-F238E27FC236}">
                <a16:creationId xmlns:a16="http://schemas.microsoft.com/office/drawing/2014/main" id="{DAFA7E7A-7DEE-4764-A10F-354E087E14EF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987519" y="27306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21, 2023</a:t>
            </a:r>
          </a:p>
        </p:txBody>
      </p:sp>
      <p:sp>
        <p:nvSpPr>
          <p:cNvPr id="43" name="OTLSHAPE_M_b1a2b0ad50c54f3db24b3aab69d68fc5_Title">
            <a:extLst>
              <a:ext uri="{FF2B5EF4-FFF2-40B4-BE49-F238E27FC236}">
                <a16:creationId xmlns:a16="http://schemas.microsoft.com/office/drawing/2014/main" id="{41745171-4D14-4FCA-9DB4-A0D5CA5709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670653" y="25474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4" name="OTLSHAPE_M_b1a2b0ad50c54f3db24b3aab69d68fc5_Date">
            <a:extLst>
              <a:ext uri="{FF2B5EF4-FFF2-40B4-BE49-F238E27FC236}">
                <a16:creationId xmlns:a16="http://schemas.microsoft.com/office/drawing/2014/main" id="{7EED5119-9752-4E2D-A156-9E5AEB3BC9D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753055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92" name="OTLSHAPE_SLA_96c9556a7149459ab1aa5830ee29e508_Title" hidden="1">
            <a:extLst>
              <a:ext uri="{FF2B5EF4-FFF2-40B4-BE49-F238E27FC236}">
                <a16:creationId xmlns:a16="http://schemas.microsoft.com/office/drawing/2014/main" id="{B969A700-3C4E-46FF-B6DE-21323EEAB6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3" name="OTLSHAPE_SLA_96c9556a7149459ab1aa5830ee29e508_Date" hidden="1">
            <a:extLst>
              <a:ext uri="{FF2B5EF4-FFF2-40B4-BE49-F238E27FC236}">
                <a16:creationId xmlns:a16="http://schemas.microsoft.com/office/drawing/2014/main" id="{189F4771-898C-4F7E-993E-2C864343DFA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y 29, 2023</a:t>
            </a:r>
          </a:p>
        </p:txBody>
      </p:sp>
      <p:sp>
        <p:nvSpPr>
          <p:cNvPr id="95" name="OTLSHAPE_SLA_59a28bf6e2504bfc9817b81e1db70ce7_Title" hidden="1">
            <a:extLst>
              <a:ext uri="{FF2B5EF4-FFF2-40B4-BE49-F238E27FC236}">
                <a16:creationId xmlns:a16="http://schemas.microsoft.com/office/drawing/2014/main" id="{EA110418-4FF6-4DCA-A859-67265C01D0F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6" name="OTLSHAPE_SLA_59a28bf6e2504bfc9817b81e1db70ce7_Date" hidden="1">
            <a:extLst>
              <a:ext uri="{FF2B5EF4-FFF2-40B4-BE49-F238E27FC236}">
                <a16:creationId xmlns:a16="http://schemas.microsoft.com/office/drawing/2014/main" id="{0674BB33-7E58-4FA6-9DB3-D73DF2D17F1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19, 2023</a:t>
            </a:r>
          </a:p>
        </p:txBody>
      </p:sp>
      <p:sp>
        <p:nvSpPr>
          <p:cNvPr id="98" name="OTLSHAPE_SLA_51288dd7ee1141c187e9f3ab13f10e91_Title" hidden="1">
            <a:extLst>
              <a:ext uri="{FF2B5EF4-FFF2-40B4-BE49-F238E27FC236}">
                <a16:creationId xmlns:a16="http://schemas.microsoft.com/office/drawing/2014/main" id="{0CDDDECB-3A19-49EB-AB06-A46C7827376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9" name="OTLSHAPE_SLA_51288dd7ee1141c187e9f3ab13f10e91_Date" hidden="1">
            <a:extLst>
              <a:ext uri="{FF2B5EF4-FFF2-40B4-BE49-F238E27FC236}">
                <a16:creationId xmlns:a16="http://schemas.microsoft.com/office/drawing/2014/main" id="{BDF7C166-31AE-421B-8303-E7886CBCC53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10, 2023</a:t>
            </a:r>
          </a:p>
        </p:txBody>
      </p:sp>
      <p:sp>
        <p:nvSpPr>
          <p:cNvPr id="162" name="Title 1">
            <a:extLst>
              <a:ext uri="{FF2B5EF4-FFF2-40B4-BE49-F238E27FC236}">
                <a16:creationId xmlns:a16="http://schemas.microsoft.com/office/drawing/2014/main" id="{02BFEB2A-DCC8-4874-A3D8-5D84E321A9CE}"/>
              </a:ext>
            </a:extLst>
          </p:cNvPr>
          <p:cNvSpPr>
            <a:spLocks noGrp="1"/>
          </p:cNvSpPr>
          <p:nvPr/>
        </p:nvSpPr>
        <p:spPr>
          <a:xfrm>
            <a:off x="1396831" y="223214"/>
            <a:ext cx="7129400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</a:t>
            </a:r>
            <a:r>
              <a:rPr lang="en-US" sz="2200" b="1" dirty="0" err="1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wimlanes</a:t>
            </a:r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2B79CEBA-4A05-4D2C-91D7-9E3A6132658B}"/>
              </a:ext>
            </a:extLst>
          </p:cNvPr>
          <p:cNvSpPr/>
          <p:nvPr/>
        </p:nvSpPr>
        <p:spPr>
          <a:xfrm>
            <a:off x="1408307" y="634863"/>
            <a:ext cx="629026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164" name="Group 163">
            <a:extLst>
              <a:ext uri="{FF2B5EF4-FFF2-40B4-BE49-F238E27FC236}">
                <a16:creationId xmlns:a16="http://schemas.microsoft.com/office/drawing/2014/main" id="{5EEAD39E-758F-4EA1-A645-749CC69472F1}"/>
              </a:ext>
            </a:extLst>
          </p:cNvPr>
          <p:cNvGrpSpPr/>
          <p:nvPr/>
        </p:nvGrpSpPr>
        <p:grpSpPr>
          <a:xfrm>
            <a:off x="2713821" y="674373"/>
            <a:ext cx="365125" cy="451493"/>
            <a:chOff x="2713821" y="586732"/>
            <a:chExt cx="365125" cy="451493"/>
          </a:xfrm>
        </p:grpSpPr>
        <p:pic>
          <p:nvPicPr>
            <p:cNvPr id="165" name="Picture 164">
              <a:extLst>
                <a:ext uri="{FF2B5EF4-FFF2-40B4-BE49-F238E27FC236}">
                  <a16:creationId xmlns:a16="http://schemas.microsoft.com/office/drawing/2014/main" id="{EF567BD2-AA1E-4A4A-ABCF-16031F99328C}"/>
                </a:ext>
              </a:extLst>
            </p:cNvPr>
            <p:cNvPicPr>
              <a:picLocks noChangeAspect="1"/>
            </p:cNvPicPr>
            <p:nvPr/>
          </p:nvPicPr>
          <p:blipFill>
            <a:blip r:embed="rId163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166" name="Straight Connector 165">
              <a:extLst>
                <a:ext uri="{FF2B5EF4-FFF2-40B4-BE49-F238E27FC236}">
                  <a16:creationId xmlns:a16="http://schemas.microsoft.com/office/drawing/2014/main" id="{8ABD8133-13F6-450E-AA86-3C667FF5BB01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7" name="Straight Connector 166">
              <a:extLst>
                <a:ext uri="{FF2B5EF4-FFF2-40B4-BE49-F238E27FC236}">
                  <a16:creationId xmlns:a16="http://schemas.microsoft.com/office/drawing/2014/main" id="{4F8CC600-04AF-4888-91BA-E6435906B03A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4247243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OTLSHAPE_SL_79f05e8de72e4cc385fce875fa65517f_BackgroundRectangle" hidden="1">
            <a:extLst>
              <a:ext uri="{FF2B5EF4-FFF2-40B4-BE49-F238E27FC236}">
                <a16:creationId xmlns:a16="http://schemas.microsoft.com/office/drawing/2014/main" id="{25191440-31C9-4E80-B548-3BAC652BD71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28628"/>
            <a:ext cx="112014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8911bceb679441adb3756a794b682f31_BackgroundRectangle" hidden="1">
            <a:extLst>
              <a:ext uri="{FF2B5EF4-FFF2-40B4-BE49-F238E27FC236}">
                <a16:creationId xmlns:a16="http://schemas.microsoft.com/office/drawing/2014/main" id="{C7E5DFCF-CB67-48E4-8DF8-339A96DB8CE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93871"/>
            <a:ext cx="11201400" cy="20789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_9eb76584bb32452eac07fb2637baea1a_BackgroundRectangle" hidden="1">
            <a:extLst>
              <a:ext uri="{FF2B5EF4-FFF2-40B4-BE49-F238E27FC236}">
                <a16:creationId xmlns:a16="http://schemas.microsoft.com/office/drawing/2014/main" id="{08280B5A-35AB-4316-8FEB-7ADD133F6A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36276"/>
            <a:ext cx="11201400" cy="558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2A_1fd2888040b8433388f04f64f828386f_BackgroundRectangle">
            <a:extLst>
              <a:ext uri="{FF2B5EF4-FFF2-40B4-BE49-F238E27FC236}">
                <a16:creationId xmlns:a16="http://schemas.microsoft.com/office/drawing/2014/main" id="{68CFB445-E54C-403A-81E1-8F455CDD311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01231" y="2028628"/>
            <a:ext cx="104648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2A_abe76ee1bf8940fe9acf3577d8f88215_BackgroundRectangle">
            <a:extLst>
              <a:ext uri="{FF2B5EF4-FFF2-40B4-BE49-F238E27FC236}">
                <a16:creationId xmlns:a16="http://schemas.microsoft.com/office/drawing/2014/main" id="{A4B02A21-34D0-4AB6-8715-A6EAC6B07F9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1231" y="4077476"/>
            <a:ext cx="104648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SL2A_7f677eb43f7b42a08fe9913c860d1df3_BackgroundRectangle">
            <a:extLst>
              <a:ext uri="{FF2B5EF4-FFF2-40B4-BE49-F238E27FC236}">
                <a16:creationId xmlns:a16="http://schemas.microsoft.com/office/drawing/2014/main" id="{BBCDE817-D74A-4AFC-8829-6EBC452B5A3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1231" y="2493871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2A_bdbcfcbaefba45b6906d0217763df8cf_BackgroundRectangle">
            <a:extLst>
              <a:ext uri="{FF2B5EF4-FFF2-40B4-BE49-F238E27FC236}">
                <a16:creationId xmlns:a16="http://schemas.microsoft.com/office/drawing/2014/main" id="{2E965CEF-6742-4C51-8251-75745BEE20B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1231" y="2773271"/>
            <a:ext cx="10464800" cy="635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SL2A_bfd05b25fb3744e690c6d5540b5a5424_BackgroundRectangle">
            <a:extLst>
              <a:ext uri="{FF2B5EF4-FFF2-40B4-BE49-F238E27FC236}">
                <a16:creationId xmlns:a16="http://schemas.microsoft.com/office/drawing/2014/main" id="{9DF56630-C8D5-4738-A473-124E5BD22F1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1231" y="3409033"/>
            <a:ext cx="10464800" cy="668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2A_5d6994837d24422a96f694ad6cffcaca_BackgroundRectangle">
            <a:extLst>
              <a:ext uri="{FF2B5EF4-FFF2-40B4-BE49-F238E27FC236}">
                <a16:creationId xmlns:a16="http://schemas.microsoft.com/office/drawing/2014/main" id="{6C8BE728-23E3-4371-B0D2-A4C4A740143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1231" y="46362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6e174f081064affa0b3b940227801a4_BackgroundRectangle">
            <a:extLst>
              <a:ext uri="{FF2B5EF4-FFF2-40B4-BE49-F238E27FC236}">
                <a16:creationId xmlns:a16="http://schemas.microsoft.com/office/drawing/2014/main" id="{85372737-644C-43C5-87FF-571A3D11890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01231" y="49156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43A3EA6-8D09-425E-BB61-4F90DDFC30F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306787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3737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3E8D595-AFDB-4539-88C3-ABDF99FEA0E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11034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00" name="OTLSHAPE_SL2AL_00000000000000000000000000000000_ShapeAbove0">
            <a:extLst>
              <a:ext uri="{FF2B5EF4-FFF2-40B4-BE49-F238E27FC236}">
                <a16:creationId xmlns:a16="http://schemas.microsoft.com/office/drawing/2014/main" id="{395D685B-E0D1-4E02-9763-8BBB0A1AD01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1231" y="2773271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SL2AL_00000000000000000000000000000000_ShapeAbove1">
            <a:extLst>
              <a:ext uri="{FF2B5EF4-FFF2-40B4-BE49-F238E27FC236}">
                <a16:creationId xmlns:a16="http://schemas.microsoft.com/office/drawing/2014/main" id="{32390894-ACF0-4D1C-A158-D962711026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1231" y="3409033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Above2">
            <a:extLst>
              <a:ext uri="{FF2B5EF4-FFF2-40B4-BE49-F238E27FC236}">
                <a16:creationId xmlns:a16="http://schemas.microsoft.com/office/drawing/2014/main" id="{C92CD38F-23FE-494B-8925-700E7A3226D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1231" y="40774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Above3">
            <a:extLst>
              <a:ext uri="{FF2B5EF4-FFF2-40B4-BE49-F238E27FC236}">
                <a16:creationId xmlns:a16="http://schemas.microsoft.com/office/drawing/2014/main" id="{6770BD8E-097F-42CD-9DA8-279608D3E98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1231" y="49156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E106EA9-C71C-481C-98AE-EDD5DA6F2A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22652" y="5398276"/>
            <a:ext cx="9347200" cy="182880"/>
          </a:xfrm>
          <a:prstGeom prst="round2Same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B4EAE8C3-3F64-4D81-B9C2-CBBA8F0E378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22652" y="5590300"/>
            <a:ext cx="9347200" cy="18288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9580568-2C5A-4A51-A208-F9092762723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922652" y="5782324"/>
            <a:ext cx="9347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79f05e8de72e4cc385fce875fa65517f_HeaderRectangle">
            <a:extLst>
              <a:ext uri="{FF2B5EF4-FFF2-40B4-BE49-F238E27FC236}">
                <a16:creationId xmlns:a16="http://schemas.microsoft.com/office/drawing/2014/main" id="{85791C0C-DB56-49D9-86B0-D6E0BFC7351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028628"/>
            <a:ext cx="749300" cy="40174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8911bceb679441adb3756a794b682f31_HeaderRectangle">
            <a:extLst>
              <a:ext uri="{FF2B5EF4-FFF2-40B4-BE49-F238E27FC236}">
                <a16:creationId xmlns:a16="http://schemas.microsoft.com/office/drawing/2014/main" id="{951B2866-D423-4E3E-9642-917E75A834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493871"/>
            <a:ext cx="749300" cy="20789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_9eb76584bb32452eac07fb2637baea1a_HeaderRectangle">
            <a:extLst>
              <a:ext uri="{FF2B5EF4-FFF2-40B4-BE49-F238E27FC236}">
                <a16:creationId xmlns:a16="http://schemas.microsoft.com/office/drawing/2014/main" id="{2A3CC597-84B4-48DB-A1B3-5C074135949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636276"/>
            <a:ext cx="749300" cy="558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1fd2888040b8433388f04f64f828386f_HeaderRectangle">
            <a:extLst>
              <a:ext uri="{FF2B5EF4-FFF2-40B4-BE49-F238E27FC236}">
                <a16:creationId xmlns:a16="http://schemas.microsoft.com/office/drawing/2014/main" id="{39D11DC0-A8C7-4B15-8E17-D1A3EBB6CF4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01231" y="2028628"/>
            <a:ext cx="1003300" cy="401743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abe76ee1bf8940fe9acf3577d8f88215_HeaderRectangle">
            <a:extLst>
              <a:ext uri="{FF2B5EF4-FFF2-40B4-BE49-F238E27FC236}">
                <a16:creationId xmlns:a16="http://schemas.microsoft.com/office/drawing/2014/main" id="{3BDA78AE-E7D5-4798-A442-F89BD2958B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01231" y="4077476"/>
            <a:ext cx="1003300" cy="4953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2A_7f677eb43f7b42a08fe9913c860d1df3_HeaderRectangle">
            <a:extLst>
              <a:ext uri="{FF2B5EF4-FFF2-40B4-BE49-F238E27FC236}">
                <a16:creationId xmlns:a16="http://schemas.microsoft.com/office/drawing/2014/main" id="{481E3542-8DBD-4FA8-B94B-8F16D8A761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01231" y="2493871"/>
            <a:ext cx="10033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2A_bdbcfcbaefba45b6906d0217763df8cf_HeaderRectangle">
            <a:extLst>
              <a:ext uri="{FF2B5EF4-FFF2-40B4-BE49-F238E27FC236}">
                <a16:creationId xmlns:a16="http://schemas.microsoft.com/office/drawing/2014/main" id="{8F9BA7AB-D386-4312-B7E3-AA62F64CCA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01231" y="2773271"/>
            <a:ext cx="1003300" cy="635762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2A_bfd05b25fb3744e690c6d5540b5a5424_HeaderRectangle">
            <a:extLst>
              <a:ext uri="{FF2B5EF4-FFF2-40B4-BE49-F238E27FC236}">
                <a16:creationId xmlns:a16="http://schemas.microsoft.com/office/drawing/2014/main" id="{B19BE97A-FD90-42B8-8582-FCFAA6418CB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1231" y="3409033"/>
            <a:ext cx="1003300" cy="668443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2A_5d6994837d24422a96f694ad6cffcaca_HeaderRectangle">
            <a:extLst>
              <a:ext uri="{FF2B5EF4-FFF2-40B4-BE49-F238E27FC236}">
                <a16:creationId xmlns:a16="http://schemas.microsoft.com/office/drawing/2014/main" id="{3DEABB52-0D9B-4765-A46E-E6226C36157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1231" y="46362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1" name="OTLSHAPE_SL2A_26e174f081064affa0b3b940227801a4_HeaderRectangle">
            <a:extLst>
              <a:ext uri="{FF2B5EF4-FFF2-40B4-BE49-F238E27FC236}">
                <a16:creationId xmlns:a16="http://schemas.microsoft.com/office/drawing/2014/main" id="{C6717421-2C2B-4321-B3B3-8CD2988A361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1231" y="49156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8" name="OTLSHAPE_G_00000000000000000000000000000000_ShapeAbove0">
            <a:extLst>
              <a:ext uri="{FF2B5EF4-FFF2-40B4-BE49-F238E27FC236}">
                <a16:creationId xmlns:a16="http://schemas.microsoft.com/office/drawing/2014/main" id="{0632CFB4-F642-43F4-9951-DB59E583C5C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0560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Above1">
            <a:extLst>
              <a:ext uri="{FF2B5EF4-FFF2-40B4-BE49-F238E27FC236}">
                <a16:creationId xmlns:a16="http://schemas.microsoft.com/office/drawing/2014/main" id="{C493775A-BD57-4732-AD21-2968F1B9B7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2278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Above2">
            <a:extLst>
              <a:ext uri="{FF2B5EF4-FFF2-40B4-BE49-F238E27FC236}">
                <a16:creationId xmlns:a16="http://schemas.microsoft.com/office/drawing/2014/main" id="{F97D99EA-E60C-4639-A920-B31F9B25BD7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3996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Above3">
            <a:extLst>
              <a:ext uri="{FF2B5EF4-FFF2-40B4-BE49-F238E27FC236}">
                <a16:creationId xmlns:a16="http://schemas.microsoft.com/office/drawing/2014/main" id="{578B7480-8F56-4E60-8E14-B1C07E016A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59064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Above4">
            <a:extLst>
              <a:ext uri="{FF2B5EF4-FFF2-40B4-BE49-F238E27FC236}">
                <a16:creationId xmlns:a16="http://schemas.microsoft.com/office/drawing/2014/main" id="{4052ECB6-A4AB-44E8-8D19-2EE082FD6C8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7624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Above5">
            <a:extLst>
              <a:ext uri="{FF2B5EF4-FFF2-40B4-BE49-F238E27FC236}">
                <a16:creationId xmlns:a16="http://schemas.microsoft.com/office/drawing/2014/main" id="{3E984974-3FBD-4B8B-AF90-1C1E3C33C2C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9342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G_00000000000000000000000000000000_ShapeAbove6">
            <a:extLst>
              <a:ext uri="{FF2B5EF4-FFF2-40B4-BE49-F238E27FC236}">
                <a16:creationId xmlns:a16="http://schemas.microsoft.com/office/drawing/2014/main" id="{7F83C034-09B0-4932-4500-6DAB8753410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086835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SLT_cbc6053273674742982e85d542978064_Shape">
            <a:extLst>
              <a:ext uri="{FF2B5EF4-FFF2-40B4-BE49-F238E27FC236}">
                <a16:creationId xmlns:a16="http://schemas.microsoft.com/office/drawing/2014/main" id="{203D519F-09C5-472A-88DB-CA78A195553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37898" y="2221752"/>
            <a:ext cx="10414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SLT_2ff5b8e034b64a828622147da9a2f6b2_Shape">
            <a:extLst>
              <a:ext uri="{FF2B5EF4-FFF2-40B4-BE49-F238E27FC236}">
                <a16:creationId xmlns:a16="http://schemas.microsoft.com/office/drawing/2014/main" id="{76F36A1B-76F7-43C8-AFC5-6FE2489643F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36810" y="2221752"/>
            <a:ext cx="1460500" cy="170519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9" name="OTLSHAPE_SLT_ce376b08f9db43bd99ef80f9d7e6cff0_Shape">
            <a:extLst>
              <a:ext uri="{FF2B5EF4-FFF2-40B4-BE49-F238E27FC236}">
                <a16:creationId xmlns:a16="http://schemas.microsoft.com/office/drawing/2014/main" id="{5C529581-6E4A-4524-A2FF-70EE57F5900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030294" y="4140976"/>
            <a:ext cx="736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5" name="OTLSHAPE_SLT_7ca32acd5908471a904296b070111595_Shape">
            <a:extLst>
              <a:ext uri="{FF2B5EF4-FFF2-40B4-BE49-F238E27FC236}">
                <a16:creationId xmlns:a16="http://schemas.microsoft.com/office/drawing/2014/main" id="{D865F9FD-684F-C501-AC93-5D4AD96FC41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09840" y="3886976"/>
            <a:ext cx="1930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11958ab1beb34070b07c8c1ff15554ea_Shape">
            <a:extLst>
              <a:ext uri="{FF2B5EF4-FFF2-40B4-BE49-F238E27FC236}">
                <a16:creationId xmlns:a16="http://schemas.microsoft.com/office/drawing/2014/main" id="{9A9C2BB2-3821-4E14-BBF5-1407DF969A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30294" y="4382276"/>
            <a:ext cx="711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6" name="OTLSHAPE_SLT_cf25e7caeb934b75b1efd2db71905ad5_Shape">
            <a:extLst>
              <a:ext uri="{FF2B5EF4-FFF2-40B4-BE49-F238E27FC236}">
                <a16:creationId xmlns:a16="http://schemas.microsoft.com/office/drawing/2014/main" id="{F9D706D2-DC2D-172E-87AA-62038C90149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75243" y="2531971"/>
            <a:ext cx="8001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47cbe89cdf5541999ae0d3ac526194f6_Shape">
            <a:extLst>
              <a:ext uri="{FF2B5EF4-FFF2-40B4-BE49-F238E27FC236}">
                <a16:creationId xmlns:a16="http://schemas.microsoft.com/office/drawing/2014/main" id="{B1E8043B-ED2A-4071-8AB9-18ACFDCAE1D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62846" y="2811371"/>
            <a:ext cx="8128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8" name="OTLSHAPE_SLT_546dc3323d74464a8ef6a4e6e53f36ea_Shape">
            <a:extLst>
              <a:ext uri="{FF2B5EF4-FFF2-40B4-BE49-F238E27FC236}">
                <a16:creationId xmlns:a16="http://schemas.microsoft.com/office/drawing/2014/main" id="{B5B4D98D-6F4E-A423-7351-4F7D5434EA4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669660" y="3200414"/>
            <a:ext cx="4559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1548a45929d542f08ebbc364690e3865_Shape">
            <a:extLst>
              <a:ext uri="{FF2B5EF4-FFF2-40B4-BE49-F238E27FC236}">
                <a16:creationId xmlns:a16="http://schemas.microsoft.com/office/drawing/2014/main" id="{66E5EA9B-B255-4E0C-B385-58C70B7D8D7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130683" y="3447133"/>
            <a:ext cx="10795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" name="OTLSHAPE_SLT_526de5b69e97497f9a5625d453beb623_Shape">
            <a:extLst>
              <a:ext uri="{FF2B5EF4-FFF2-40B4-BE49-F238E27FC236}">
                <a16:creationId xmlns:a16="http://schemas.microsoft.com/office/drawing/2014/main" id="{541AA79B-6119-430E-936D-AFAA85B6C9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25643" y="3447133"/>
            <a:ext cx="11430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2e921e95cd8d4b13a13500bc7b21bf4c_Shape">
            <a:extLst>
              <a:ext uri="{FF2B5EF4-FFF2-40B4-BE49-F238E27FC236}">
                <a16:creationId xmlns:a16="http://schemas.microsoft.com/office/drawing/2014/main" id="{ACD6792F-8DD1-4BE0-BD0B-E81286DC4C5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455073" y="3447133"/>
            <a:ext cx="12192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TB_00000000000000000000000000000000_ElapsedTime">
            <a:extLst>
              <a:ext uri="{FF2B5EF4-FFF2-40B4-BE49-F238E27FC236}">
                <a16:creationId xmlns:a16="http://schemas.microsoft.com/office/drawing/2014/main" id="{E5F3A63A-A3FE-4319-B04D-1341012C48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22652" y="5927409"/>
            <a:ext cx="9232900" cy="37795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cbc6053273674742982e85d542978064_ShapePercentage" hidden="1">
            <a:extLst>
              <a:ext uri="{FF2B5EF4-FFF2-40B4-BE49-F238E27FC236}">
                <a16:creationId xmlns:a16="http://schemas.microsoft.com/office/drawing/2014/main" id="{43D0B14F-8D59-4AFA-9995-539667E9FBF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037898" y="222175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2ff5b8e034b64a828622147da9a2f6b2_ShapePercentage" hidden="1">
            <a:extLst>
              <a:ext uri="{FF2B5EF4-FFF2-40B4-BE49-F238E27FC236}">
                <a16:creationId xmlns:a16="http://schemas.microsoft.com/office/drawing/2014/main" id="{4BCA9B71-AED8-406F-8689-039EB5F15C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036810" y="22217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" name="OTLSHAPE_SLT_ce376b08f9db43bd99ef80f9d7e6cff0_ShapePercentage" hidden="1">
            <a:extLst>
              <a:ext uri="{FF2B5EF4-FFF2-40B4-BE49-F238E27FC236}">
                <a16:creationId xmlns:a16="http://schemas.microsoft.com/office/drawing/2014/main" id="{5885743B-F1C7-44AA-9E01-9A610482462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30294" y="41409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6" name="OTLSHAPE_SLT_7ca32acd5908471a904296b070111595_ShapePercentage" hidden="1">
            <a:extLst>
              <a:ext uri="{FF2B5EF4-FFF2-40B4-BE49-F238E27FC236}">
                <a16:creationId xmlns:a16="http://schemas.microsoft.com/office/drawing/2014/main" id="{3BF93029-9C9D-4DFF-4E07-64E026B67E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09840" y="38869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11958ab1beb34070b07c8c1ff15554ea_ShapePercentage" hidden="1">
            <a:extLst>
              <a:ext uri="{FF2B5EF4-FFF2-40B4-BE49-F238E27FC236}">
                <a16:creationId xmlns:a16="http://schemas.microsoft.com/office/drawing/2014/main" id="{B9CE919C-5499-4567-9C79-0DD92A03B20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030294" y="43822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7" name="OTLSHAPE_SLT_cf25e7caeb934b75b1efd2db71905ad5_ShapePercentage" hidden="1">
            <a:extLst>
              <a:ext uri="{FF2B5EF4-FFF2-40B4-BE49-F238E27FC236}">
                <a16:creationId xmlns:a16="http://schemas.microsoft.com/office/drawing/2014/main" id="{27E51FC8-6C66-9C98-4E5C-9B4DF428873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75243" y="25319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47cbe89cdf5541999ae0d3ac526194f6_ShapePercentage" hidden="1">
            <a:extLst>
              <a:ext uri="{FF2B5EF4-FFF2-40B4-BE49-F238E27FC236}">
                <a16:creationId xmlns:a16="http://schemas.microsoft.com/office/drawing/2014/main" id="{D7A1EDF5-B3E5-407F-BDDE-C5C728ED8A7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62846" y="28113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546dc3323d74464a8ef6a4e6e53f36ea_ShapePercentage" hidden="1">
            <a:extLst>
              <a:ext uri="{FF2B5EF4-FFF2-40B4-BE49-F238E27FC236}">
                <a16:creationId xmlns:a16="http://schemas.microsoft.com/office/drawing/2014/main" id="{9E9419D8-2297-090B-300D-4FAE4B936F7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669660" y="32004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1548a45929d542f08ebbc364690e3865_ShapePercentage" hidden="1">
            <a:extLst>
              <a:ext uri="{FF2B5EF4-FFF2-40B4-BE49-F238E27FC236}">
                <a16:creationId xmlns:a16="http://schemas.microsoft.com/office/drawing/2014/main" id="{14E8E556-E900-4AE5-AC5F-5D57A5F501B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13068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" name="OTLSHAPE_SLT_526de5b69e97497f9a5625d453beb623_ShapePercentage" hidden="1">
            <a:extLst>
              <a:ext uri="{FF2B5EF4-FFF2-40B4-BE49-F238E27FC236}">
                <a16:creationId xmlns:a16="http://schemas.microsoft.com/office/drawing/2014/main" id="{56F5F6D1-A709-40D7-8E7A-A0169BB17C8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2564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T_2e921e95cd8d4b13a13500bc7b21bf4c_ShapePercentage" hidden="1">
            <a:extLst>
              <a:ext uri="{FF2B5EF4-FFF2-40B4-BE49-F238E27FC236}">
                <a16:creationId xmlns:a16="http://schemas.microsoft.com/office/drawing/2014/main" id="{74045D30-7207-45C7-A707-59D2F98D5EE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45507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SLM_b88ca5efb0b24a708ea78aa5e75b5ec7_Shape">
            <a:extLst>
              <a:ext uri="{FF2B5EF4-FFF2-40B4-BE49-F238E27FC236}">
                <a16:creationId xmlns:a16="http://schemas.microsoft.com/office/drawing/2014/main" id="{90D72DB9-F3B7-4157-9C33-ECF5D3810E7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533640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M_07b98bcf678d4671aa63e6c90f0402aa_Shape">
            <a:extLst>
              <a:ext uri="{FF2B5EF4-FFF2-40B4-BE49-F238E27FC236}">
                <a16:creationId xmlns:a16="http://schemas.microsoft.com/office/drawing/2014/main" id="{30281E44-83A2-4004-905F-577BAB06F82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991411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SLM_155dc0df6f4143a8a05b7f187d16f3cb_Shape">
            <a:extLst>
              <a:ext uri="{FF2B5EF4-FFF2-40B4-BE49-F238E27FC236}">
                <a16:creationId xmlns:a16="http://schemas.microsoft.com/office/drawing/2014/main" id="{FC6A15FE-E206-44B5-B8E3-F8D62F39F84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93588" y="49537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30B96397-845C-4733-ABB5-47D20AF46E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298769" y="4953776"/>
            <a:ext cx="152400" cy="177800"/>
          </a:xfrm>
          <a:prstGeom prst="diamond">
            <a:avLst/>
          </a:prstGeom>
          <a:solidFill>
            <a:schemeClr val="accent2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_79f05e8de72e4cc385fce875fa65517f_Header">
            <a:extLst>
              <a:ext uri="{FF2B5EF4-FFF2-40B4-BE49-F238E27FC236}">
                <a16:creationId xmlns:a16="http://schemas.microsoft.com/office/drawing/2014/main" id="{CEB6EC41-4EDA-4C3F-8569-13D8CA94FB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21364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</p:txBody>
      </p:sp>
      <p:sp>
        <p:nvSpPr>
          <p:cNvPr id="54" name="OTLSHAPE_SL_8911bceb679441adb3756a794b682f31_Header">
            <a:extLst>
              <a:ext uri="{FF2B5EF4-FFF2-40B4-BE49-F238E27FC236}">
                <a16:creationId xmlns:a16="http://schemas.microsoft.com/office/drawing/2014/main" id="{DC7FDC05-9245-48D7-93CC-B76D7309E13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-607087" y="3440296"/>
            <a:ext cx="207890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57" name="OTLSHAPE_SL_9eb76584bb32452eac07fb2637baea1a_Header">
            <a:extLst>
              <a:ext uri="{FF2B5EF4-FFF2-40B4-BE49-F238E27FC236}">
                <a16:creationId xmlns:a16="http://schemas.microsoft.com/office/drawing/2014/main" id="{4F92F03D-6BE5-4E7A-AE7A-EAF6C020CA5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82264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</a:t>
            </a:r>
          </a:p>
        </p:txBody>
      </p:sp>
      <p:sp>
        <p:nvSpPr>
          <p:cNvPr id="68" name="OTLSHAPE_SL2A_1fd2888040b8433388f04f64f828386f_Header">
            <a:extLst>
              <a:ext uri="{FF2B5EF4-FFF2-40B4-BE49-F238E27FC236}">
                <a16:creationId xmlns:a16="http://schemas.microsoft.com/office/drawing/2014/main" id="{5E52B2B6-6D18-4141-AD96-4D0A740387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64731" y="2151987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7" name="OTLSHAPE_SL2A_abe76ee1bf8940fe9acf3577d8f88215_Header">
            <a:extLst>
              <a:ext uri="{FF2B5EF4-FFF2-40B4-BE49-F238E27FC236}">
                <a16:creationId xmlns:a16="http://schemas.microsoft.com/office/drawing/2014/main" id="{7E25AD67-68B1-45B6-ACA4-B2F8091FE67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64731" y="424761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Content</a:t>
            </a:r>
          </a:p>
        </p:txBody>
      </p:sp>
      <p:sp>
        <p:nvSpPr>
          <p:cNvPr id="126" name="OTLSHAPE_SL2A_7f677eb43f7b42a08fe9913c860d1df3_Header">
            <a:extLst>
              <a:ext uri="{FF2B5EF4-FFF2-40B4-BE49-F238E27FC236}">
                <a16:creationId xmlns:a16="http://schemas.microsoft.com/office/drawing/2014/main" id="{E29401EB-F23B-4A61-B2CF-205D377104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4731" y="2556059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oC</a:t>
            </a:r>
          </a:p>
        </p:txBody>
      </p:sp>
      <p:sp>
        <p:nvSpPr>
          <p:cNvPr id="145" name="OTLSHAPE_SL2A_bdbcfcbaefba45b6906d0217763df8cf_Header">
            <a:extLst>
              <a:ext uri="{FF2B5EF4-FFF2-40B4-BE49-F238E27FC236}">
                <a16:creationId xmlns:a16="http://schemas.microsoft.com/office/drawing/2014/main" id="{3158CAC5-B4BC-4B85-A86E-6C18A8180B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4731" y="301364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56" name="OTLSHAPE_SL2A_bfd05b25fb3744e690c6d5540b5a5424_Header">
            <a:extLst>
              <a:ext uri="{FF2B5EF4-FFF2-40B4-BE49-F238E27FC236}">
                <a16:creationId xmlns:a16="http://schemas.microsoft.com/office/drawing/2014/main" id="{A8FF1F42-F9C8-4A7C-B738-F230D664D48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64731" y="3665742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183" name="OTLSHAPE_SL2A_5d6994837d24422a96f694ad6cffcaca_Header">
            <a:extLst>
              <a:ext uri="{FF2B5EF4-FFF2-40B4-BE49-F238E27FC236}">
                <a16:creationId xmlns:a16="http://schemas.microsoft.com/office/drawing/2014/main" id="{6AED1631-5ABA-4BA4-8153-FEE946F4F4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64731" y="46984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Web</a:t>
            </a:r>
          </a:p>
        </p:txBody>
      </p:sp>
      <p:sp>
        <p:nvSpPr>
          <p:cNvPr id="192" name="OTLSHAPE_SL2A_26e174f081064affa0b3b940227801a4_Header">
            <a:extLst>
              <a:ext uri="{FF2B5EF4-FFF2-40B4-BE49-F238E27FC236}">
                <a16:creationId xmlns:a16="http://schemas.microsoft.com/office/drawing/2014/main" id="{7A3FA5DD-331D-4F38-B2AF-63DA5871DBE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4731" y="49778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ress</a:t>
            </a:r>
          </a:p>
        </p:txBody>
      </p:sp>
      <p:sp>
        <p:nvSpPr>
          <p:cNvPr id="35" name="OTLSHAPE_TB_00000000000000000000000000000000_TodayMarkerShape">
            <a:extLst>
              <a:ext uri="{FF2B5EF4-FFF2-40B4-BE49-F238E27FC236}">
                <a16:creationId xmlns:a16="http://schemas.microsoft.com/office/drawing/2014/main" id="{97F6CB3A-089A-4561-93B7-26D35674233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1129194" y="596520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A8BF627A-F8F6-4D65-A939-5A10CF64E1E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86152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E6B70D-8559-4B3B-AE4D-433CB4BC220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119533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C284C0AC-69B3-4CFE-9472-757435F5CE4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291333" y="5404457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D12DE51-2272-47BB-A4CE-B088FB3A7A4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63134" y="5404457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5">
            <a:extLst>
              <a:ext uri="{FF2B5EF4-FFF2-40B4-BE49-F238E27FC236}">
                <a16:creationId xmlns:a16="http://schemas.microsoft.com/office/drawing/2014/main" id="{62F2F93D-D1CE-4880-9485-4E62C7782B8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654143" y="5404457"/>
            <a:ext cx="20762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6">
            <a:extLst>
              <a:ext uri="{FF2B5EF4-FFF2-40B4-BE49-F238E27FC236}">
                <a16:creationId xmlns:a16="http://schemas.microsoft.com/office/drawing/2014/main" id="{FEBCE0CD-BB38-4334-83A7-3B65E7277A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825944" y="5404457"/>
            <a:ext cx="2286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7">
            <a:extLst>
              <a:ext uri="{FF2B5EF4-FFF2-40B4-BE49-F238E27FC236}">
                <a16:creationId xmlns:a16="http://schemas.microsoft.com/office/drawing/2014/main" id="{DE43E72B-F864-4CA7-BFA3-634EA637BF5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97744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A758DB74-CC1B-4F1C-8430-5CF7C92BD5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986152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50B22F25-7C2F-48D9-8269-61A8E769AB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15038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BE13755A-0436-41A8-9B09-492DACA58D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46313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849A4D58-9E3F-4716-8F5A-E8004651987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304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3" name="OTLSHAPE_TB_00000000000000000000000000000000_BottomTimescaleInterval1">
            <a:extLst>
              <a:ext uri="{FF2B5EF4-FFF2-40B4-BE49-F238E27FC236}">
                <a16:creationId xmlns:a16="http://schemas.microsoft.com/office/drawing/2014/main" id="{3055E9A1-9611-43F1-B2D2-74DF26CBAA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86152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6" name="OTLSHAPE_TB_00000000000000000000000000000000_TodayMarkerText">
            <a:extLst>
              <a:ext uri="{FF2B5EF4-FFF2-40B4-BE49-F238E27FC236}">
                <a16:creationId xmlns:a16="http://schemas.microsoft.com/office/drawing/2014/main" id="{602604B4-3314-46DB-BFA0-101CC446C23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975191" y="602616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" name="OTLSHAPE_SLT_cbc6053273674742982e85d542978064_Duration" hidden="1">
            <a:extLst>
              <a:ext uri="{FF2B5EF4-FFF2-40B4-BE49-F238E27FC236}">
                <a16:creationId xmlns:a16="http://schemas.microsoft.com/office/drawing/2014/main" id="{7439F546-F60D-4A4C-8639-5E44EE03746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73" name="OTLSHAPE_SLT_cbc6053273674742982e85d542978064_TextPercentage" hidden="1">
            <a:extLst>
              <a:ext uri="{FF2B5EF4-FFF2-40B4-BE49-F238E27FC236}">
                <a16:creationId xmlns:a16="http://schemas.microsoft.com/office/drawing/2014/main" id="{513636AB-B737-48F7-A1D3-D193CD1D7B7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JoinedDate">
            <a:extLst>
              <a:ext uri="{FF2B5EF4-FFF2-40B4-BE49-F238E27FC236}">
                <a16:creationId xmlns:a16="http://schemas.microsoft.com/office/drawing/2014/main" id="{3D47D0BA-1CCE-4661-9FFA-11DFE4F394A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37898" y="206672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an 6 - Mar 1</a:t>
            </a:r>
          </a:p>
        </p:txBody>
      </p:sp>
      <p:sp>
        <p:nvSpPr>
          <p:cNvPr id="75" name="OTLSHAPE_SLT_cbc6053273674742982e85d542978064_StartDate" hidden="1">
            <a:extLst>
              <a:ext uri="{FF2B5EF4-FFF2-40B4-BE49-F238E27FC236}">
                <a16:creationId xmlns:a16="http://schemas.microsoft.com/office/drawing/2014/main" id="{00BD4D67-0A97-49F9-A9E3-F54694DB7E1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cbc6053273674742982e85d542978064_EndDate" hidden="1">
            <a:extLst>
              <a:ext uri="{FF2B5EF4-FFF2-40B4-BE49-F238E27FC236}">
                <a16:creationId xmlns:a16="http://schemas.microsoft.com/office/drawing/2014/main" id="{DA3DB48A-F173-4C28-AA4D-4D78D00E67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Title">
            <a:extLst>
              <a:ext uri="{FF2B5EF4-FFF2-40B4-BE49-F238E27FC236}">
                <a16:creationId xmlns:a16="http://schemas.microsoft.com/office/drawing/2014/main" id="{584D7052-BCFF-4FC3-9987-705AB416357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269311" y="222175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0" name="OTLSHAPE_SLT_2ff5b8e034b64a828622147da9a2f6b2_Duration" hidden="1">
            <a:extLst>
              <a:ext uri="{FF2B5EF4-FFF2-40B4-BE49-F238E27FC236}">
                <a16:creationId xmlns:a16="http://schemas.microsoft.com/office/drawing/2014/main" id="{42B7D954-BD98-47E0-A419-AC55266364E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81" name="OTLSHAPE_SLT_2ff5b8e034b64a828622147da9a2f6b2_TextPercentage" hidden="1">
            <a:extLst>
              <a:ext uri="{FF2B5EF4-FFF2-40B4-BE49-F238E27FC236}">
                <a16:creationId xmlns:a16="http://schemas.microsoft.com/office/drawing/2014/main" id="{94B8B814-CC15-42CC-A28F-DFE4DE09949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JoinedDate">
            <a:extLst>
              <a:ext uri="{FF2B5EF4-FFF2-40B4-BE49-F238E27FC236}">
                <a16:creationId xmlns:a16="http://schemas.microsoft.com/office/drawing/2014/main" id="{FF972CFD-9A34-4D2B-B1C5-DC0D6729915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036810" y="206672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y 14</a:t>
            </a:r>
          </a:p>
        </p:txBody>
      </p:sp>
      <p:sp>
        <p:nvSpPr>
          <p:cNvPr id="83" name="OTLSHAPE_SLT_2ff5b8e034b64a828622147da9a2f6b2_StartDate" hidden="1">
            <a:extLst>
              <a:ext uri="{FF2B5EF4-FFF2-40B4-BE49-F238E27FC236}">
                <a16:creationId xmlns:a16="http://schemas.microsoft.com/office/drawing/2014/main" id="{C97C0437-8C12-49F8-96A2-0B34F271C31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2ff5b8e034b64a828622147da9a2f6b2_EndDate" hidden="1">
            <a:extLst>
              <a:ext uri="{FF2B5EF4-FFF2-40B4-BE49-F238E27FC236}">
                <a16:creationId xmlns:a16="http://schemas.microsoft.com/office/drawing/2014/main" id="{84ADA68C-F85F-4BCA-86C5-728C0EDFDEC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2ff5b8e034b64a828622147da9a2f6b2_Title">
            <a:extLst>
              <a:ext uri="{FF2B5EF4-FFF2-40B4-BE49-F238E27FC236}">
                <a16:creationId xmlns:a16="http://schemas.microsoft.com/office/drawing/2014/main" id="{EC01434A-46DA-4A17-8D41-6B7798C8F6E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340127" y="2221752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s</a:t>
            </a:r>
          </a:p>
        </p:txBody>
      </p:sp>
      <p:sp>
        <p:nvSpPr>
          <p:cNvPr id="91" name="OTLSHAPE_SLT_ce376b08f9db43bd99ef80f9d7e6cff0_Duration" hidden="1">
            <a:extLst>
              <a:ext uri="{FF2B5EF4-FFF2-40B4-BE49-F238E27FC236}">
                <a16:creationId xmlns:a16="http://schemas.microsoft.com/office/drawing/2014/main" id="{60B78BB6-7757-41B5-AC22-35DFFAE4B07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92" name="OTLSHAPE_SLT_ce376b08f9db43bd99ef80f9d7e6cff0_TextPercentage" hidden="1">
            <a:extLst>
              <a:ext uri="{FF2B5EF4-FFF2-40B4-BE49-F238E27FC236}">
                <a16:creationId xmlns:a16="http://schemas.microsoft.com/office/drawing/2014/main" id="{2AA2051E-7417-47D4-AA6A-7741AC53CE4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e376b08f9db43bd99ef80f9d7e6cff0_JoinedDate" hidden="1">
            <a:extLst>
              <a:ext uri="{FF2B5EF4-FFF2-40B4-BE49-F238E27FC236}">
                <a16:creationId xmlns:a16="http://schemas.microsoft.com/office/drawing/2014/main" id="{FB9A3A98-D7A4-4DF6-AE3A-9CF8DB2F62A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864459" y="41269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2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e376b08f9db43bd99ef80f9d7e6cff0_StartDate" hidden="1">
            <a:extLst>
              <a:ext uri="{FF2B5EF4-FFF2-40B4-BE49-F238E27FC236}">
                <a16:creationId xmlns:a16="http://schemas.microsoft.com/office/drawing/2014/main" id="{1103D6F4-3669-4268-A3B8-99BD5DA1C57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e376b08f9db43bd99ef80f9d7e6cff0_EndDate" hidden="1">
            <a:extLst>
              <a:ext uri="{FF2B5EF4-FFF2-40B4-BE49-F238E27FC236}">
                <a16:creationId xmlns:a16="http://schemas.microsoft.com/office/drawing/2014/main" id="{36D0D80E-BF32-452D-AD77-5FA63CCCB8B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ce376b08f9db43bd99ef80f9d7e6cff0_Title">
            <a:extLst>
              <a:ext uri="{FF2B5EF4-FFF2-40B4-BE49-F238E27FC236}">
                <a16:creationId xmlns:a16="http://schemas.microsoft.com/office/drawing/2014/main" id="{94F247A3-A656-455D-BB79-1F3E2FA1047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811054" y="411921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</a:t>
            </a:r>
          </a:p>
        </p:txBody>
      </p:sp>
      <p:sp>
        <p:nvSpPr>
          <p:cNvPr id="105" name="OTLSHAPE_SLT_7ca32acd5908471a904296b070111595_Duration" hidden="1">
            <a:extLst>
              <a:ext uri="{FF2B5EF4-FFF2-40B4-BE49-F238E27FC236}">
                <a16:creationId xmlns:a16="http://schemas.microsoft.com/office/drawing/2014/main" id="{8A8B1B12-29D4-405C-988C-0579D182970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06" name="OTLSHAPE_SLT_7ca32acd5908471a904296b070111595_TextPercentage" hidden="1">
            <a:extLst>
              <a:ext uri="{FF2B5EF4-FFF2-40B4-BE49-F238E27FC236}">
                <a16:creationId xmlns:a16="http://schemas.microsoft.com/office/drawing/2014/main" id="{CFF24A0D-7A8B-46C6-973E-90F73853B68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7ca32acd5908471a904296b070111595_JoinedDate">
            <a:extLst>
              <a:ext uri="{FF2B5EF4-FFF2-40B4-BE49-F238E27FC236}">
                <a16:creationId xmlns:a16="http://schemas.microsoft.com/office/drawing/2014/main" id="{C585EE73-7EA8-4D9F-B36B-A74FD6F7752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81624" y="38729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Dec 10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ca32acd5908471a904296b070111595_StartDate" hidden="1">
            <a:extLst>
              <a:ext uri="{FF2B5EF4-FFF2-40B4-BE49-F238E27FC236}">
                <a16:creationId xmlns:a16="http://schemas.microsoft.com/office/drawing/2014/main" id="{09D108F2-17F2-4417-AC98-00A7196EDB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7ca32acd5908471a904296b070111595_EndDate" hidden="1">
            <a:extLst>
              <a:ext uri="{FF2B5EF4-FFF2-40B4-BE49-F238E27FC236}">
                <a16:creationId xmlns:a16="http://schemas.microsoft.com/office/drawing/2014/main" id="{B2C44BAF-FA80-4723-9313-9663B8AA2EA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ca32acd5908471a904296b070111595_Title">
            <a:extLst>
              <a:ext uri="{FF2B5EF4-FFF2-40B4-BE49-F238E27FC236}">
                <a16:creationId xmlns:a16="http://schemas.microsoft.com/office/drawing/2014/main" id="{A24A0800-6879-4239-995D-6BCC4534C7E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33244" y="386521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Feedback</a:t>
            </a:r>
          </a:p>
        </p:txBody>
      </p:sp>
      <p:sp>
        <p:nvSpPr>
          <p:cNvPr id="116" name="OTLSHAPE_SLT_11958ab1beb34070b07c8c1ff15554ea_Duration" hidden="1">
            <a:extLst>
              <a:ext uri="{FF2B5EF4-FFF2-40B4-BE49-F238E27FC236}">
                <a16:creationId xmlns:a16="http://schemas.microsoft.com/office/drawing/2014/main" id="{83BAFB4D-A531-4FBF-89DE-91FDBDA05DD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17" name="OTLSHAPE_SLT_11958ab1beb34070b07c8c1ff15554ea_TextPercentage" hidden="1">
            <a:extLst>
              <a:ext uri="{FF2B5EF4-FFF2-40B4-BE49-F238E27FC236}">
                <a16:creationId xmlns:a16="http://schemas.microsoft.com/office/drawing/2014/main" id="{7E8BBE9F-C29D-4F92-8667-43177E02CD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11958ab1beb34070b07c8c1ff15554ea_JoinedDate" hidden="1">
            <a:extLst>
              <a:ext uri="{FF2B5EF4-FFF2-40B4-BE49-F238E27FC236}">
                <a16:creationId xmlns:a16="http://schemas.microsoft.com/office/drawing/2014/main" id="{89D4E7FB-2DC8-4D69-B465-5A372B0E5F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864459" y="43682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1</a:t>
            </a:r>
          </a:p>
        </p:txBody>
      </p:sp>
      <p:sp>
        <p:nvSpPr>
          <p:cNvPr id="119" name="OTLSHAPE_SLT_11958ab1beb34070b07c8c1ff15554ea_StartDate" hidden="1">
            <a:extLst>
              <a:ext uri="{FF2B5EF4-FFF2-40B4-BE49-F238E27FC236}">
                <a16:creationId xmlns:a16="http://schemas.microsoft.com/office/drawing/2014/main" id="{49D252BA-2D74-4440-BBF7-984367A7B6A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1958ab1beb34070b07c8c1ff15554ea_EndDate" hidden="1">
            <a:extLst>
              <a:ext uri="{FF2B5EF4-FFF2-40B4-BE49-F238E27FC236}">
                <a16:creationId xmlns:a16="http://schemas.microsoft.com/office/drawing/2014/main" id="{BC375F7D-53F6-4F54-9175-FB4F42E56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11958ab1beb34070b07c8c1ff15554ea_Title">
            <a:extLst>
              <a:ext uri="{FF2B5EF4-FFF2-40B4-BE49-F238E27FC236}">
                <a16:creationId xmlns:a16="http://schemas.microsoft.com/office/drawing/2014/main" id="{67F69319-C005-4A3E-B4DD-CB71A43383D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91844" y="4360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raining Guides</a:t>
            </a:r>
          </a:p>
        </p:txBody>
      </p:sp>
      <p:sp>
        <p:nvSpPr>
          <p:cNvPr id="130" name="OTLSHAPE_SLT_cf25e7caeb934b75b1efd2db71905ad5_Duration" hidden="1">
            <a:extLst>
              <a:ext uri="{FF2B5EF4-FFF2-40B4-BE49-F238E27FC236}">
                <a16:creationId xmlns:a16="http://schemas.microsoft.com/office/drawing/2014/main" id="{F6C98872-CDF6-4387-8B87-40C36CC04D7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131" name="OTLSHAPE_SLT_cf25e7caeb934b75b1efd2db71905ad5_TextPercentage" hidden="1">
            <a:extLst>
              <a:ext uri="{FF2B5EF4-FFF2-40B4-BE49-F238E27FC236}">
                <a16:creationId xmlns:a16="http://schemas.microsoft.com/office/drawing/2014/main" id="{3CB441F1-E2A0-4C5D-B813-1307E5B0426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cf25e7caeb934b75b1efd2db71905ad5_JoinedDate">
            <a:extLst>
              <a:ext uri="{FF2B5EF4-FFF2-40B4-BE49-F238E27FC236}">
                <a16:creationId xmlns:a16="http://schemas.microsoft.com/office/drawing/2014/main" id="{7EACC035-4AB2-4DB6-81C2-C21B0B2F001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64460" y="2539718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 - Apr 12</a:t>
            </a:r>
          </a:p>
        </p:txBody>
      </p:sp>
      <p:sp>
        <p:nvSpPr>
          <p:cNvPr id="133" name="OTLSHAPE_SLT_cf25e7caeb934b75b1efd2db71905ad5_StartDate" hidden="1">
            <a:extLst>
              <a:ext uri="{FF2B5EF4-FFF2-40B4-BE49-F238E27FC236}">
                <a16:creationId xmlns:a16="http://schemas.microsoft.com/office/drawing/2014/main" id="{9D9EC5D8-E3D9-4DC6-97E4-BAF323E15C2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cf25e7caeb934b75b1efd2db71905ad5_EndDate" hidden="1">
            <a:extLst>
              <a:ext uri="{FF2B5EF4-FFF2-40B4-BE49-F238E27FC236}">
                <a16:creationId xmlns:a16="http://schemas.microsoft.com/office/drawing/2014/main" id="{1B3F82D7-EF4B-4F77-996E-F81639356E8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cf25e7caeb934b75b1efd2db71905ad5_Title">
            <a:extLst>
              <a:ext uri="{FF2B5EF4-FFF2-40B4-BE49-F238E27FC236}">
                <a16:creationId xmlns:a16="http://schemas.microsoft.com/office/drawing/2014/main" id="{CA5BAB77-F3C5-44DE-845A-239E638D035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186899" y="253197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38" name="OTLSHAPE_SLT_47cbe89cdf5541999ae0d3ac526194f6_Duration" hidden="1">
            <a:extLst>
              <a:ext uri="{FF2B5EF4-FFF2-40B4-BE49-F238E27FC236}">
                <a16:creationId xmlns:a16="http://schemas.microsoft.com/office/drawing/2014/main" id="{F69EE52C-5A48-4FEF-BB70-661140A0F4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39" name="OTLSHAPE_SLT_47cbe89cdf5541999ae0d3ac526194f6_TextPercentage" hidden="1">
            <a:extLst>
              <a:ext uri="{FF2B5EF4-FFF2-40B4-BE49-F238E27FC236}">
                <a16:creationId xmlns:a16="http://schemas.microsoft.com/office/drawing/2014/main" id="{B512A945-ECE2-48A8-92EA-D44766FAC8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7cbe89cdf5541999ae0d3ac526194f6_JoinedDate">
            <a:extLst>
              <a:ext uri="{FF2B5EF4-FFF2-40B4-BE49-F238E27FC236}">
                <a16:creationId xmlns:a16="http://schemas.microsoft.com/office/drawing/2014/main" id="{EB2A2C96-DD33-4A5E-8A04-319A351AB7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771273" y="2819118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Apr 12 - May 24</a:t>
            </a:r>
          </a:p>
        </p:txBody>
      </p:sp>
      <p:sp>
        <p:nvSpPr>
          <p:cNvPr id="141" name="OTLSHAPE_SLT_47cbe89cdf5541999ae0d3ac526194f6_StartDate" hidden="1">
            <a:extLst>
              <a:ext uri="{FF2B5EF4-FFF2-40B4-BE49-F238E27FC236}">
                <a16:creationId xmlns:a16="http://schemas.microsoft.com/office/drawing/2014/main" id="{9552E748-B38C-4E9F-94E2-EE658D6FA45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7cbe89cdf5541999ae0d3ac526194f6_EndDate" hidden="1">
            <a:extLst>
              <a:ext uri="{FF2B5EF4-FFF2-40B4-BE49-F238E27FC236}">
                <a16:creationId xmlns:a16="http://schemas.microsoft.com/office/drawing/2014/main" id="{6303F5C4-965B-4D64-AE3E-63A944250FD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47cbe89cdf5541999ae0d3ac526194f6_Title">
            <a:extLst>
              <a:ext uri="{FF2B5EF4-FFF2-40B4-BE49-F238E27FC236}">
                <a16:creationId xmlns:a16="http://schemas.microsoft.com/office/drawing/2014/main" id="{C2C24360-6A03-44BB-B5D9-4F3A4FD3249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43722" y="281137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49" name="OTLSHAPE_SLT_546dc3323d74464a8ef6a4e6e53f36ea_TextPercentage" hidden="1">
            <a:extLst>
              <a:ext uri="{FF2B5EF4-FFF2-40B4-BE49-F238E27FC236}">
                <a16:creationId xmlns:a16="http://schemas.microsoft.com/office/drawing/2014/main" id="{1375011C-C99D-46BC-AA51-B61BD34A37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546dc3323d74464a8ef6a4e6e53f36ea_JoinedDate" hidden="1">
            <a:extLst>
              <a:ext uri="{FF2B5EF4-FFF2-40B4-BE49-F238E27FC236}">
                <a16:creationId xmlns:a16="http://schemas.microsoft.com/office/drawing/2014/main" id="{D51958F3-F81C-40A8-9655-2B3A3A2E2F2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23978" y="3070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546dc3323d74464a8ef6a4e6e53f36ea_StartDate">
            <a:extLst>
              <a:ext uri="{FF2B5EF4-FFF2-40B4-BE49-F238E27FC236}">
                <a16:creationId xmlns:a16="http://schemas.microsoft.com/office/drawing/2014/main" id="{5C25F791-9064-4C3A-9785-2FCE9649E1D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39850" y="32081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152" name="OTLSHAPE_SLT_546dc3323d74464a8ef6a4e6e53f36ea_EndDate">
            <a:extLst>
              <a:ext uri="{FF2B5EF4-FFF2-40B4-BE49-F238E27FC236}">
                <a16:creationId xmlns:a16="http://schemas.microsoft.com/office/drawing/2014/main" id="{2950C31D-E180-4244-AF10-47FBABCAB46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323978" y="320816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53" name="OTLSHAPE_SLT_546dc3323d74464a8ef6a4e6e53f36ea_Duration">
            <a:extLst>
              <a:ext uri="{FF2B5EF4-FFF2-40B4-BE49-F238E27FC236}">
                <a16:creationId xmlns:a16="http://schemas.microsoft.com/office/drawing/2014/main" id="{BC5403EF-28B1-4799-B98D-79C79626063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669660" y="304539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69 days</a:t>
            </a:r>
          </a:p>
        </p:txBody>
      </p:sp>
      <p:sp>
        <p:nvSpPr>
          <p:cNvPr id="154" name="OTLSHAPE_SLT_546dc3323d74464a8ef6a4e6e53f36ea_Title">
            <a:extLst>
              <a:ext uri="{FF2B5EF4-FFF2-40B4-BE49-F238E27FC236}">
                <a16:creationId xmlns:a16="http://schemas.microsoft.com/office/drawing/2014/main" id="{E548D96F-6BE7-4601-8CB4-377A3C15ACC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08890" y="320041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Commercial Development</a:t>
            </a:r>
          </a:p>
        </p:txBody>
      </p:sp>
      <p:sp>
        <p:nvSpPr>
          <p:cNvPr id="160" name="OTLSHAPE_SLT_1548a45929d542f08ebbc364690e3865_Duration" hidden="1">
            <a:extLst>
              <a:ext uri="{FF2B5EF4-FFF2-40B4-BE49-F238E27FC236}">
                <a16:creationId xmlns:a16="http://schemas.microsoft.com/office/drawing/2014/main" id="{9C07E095-3C96-4FB8-8D10-637D569C889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61" name="OTLSHAPE_SLT_1548a45929d542f08ebbc364690e3865_TextPercentage" hidden="1">
            <a:extLst>
              <a:ext uri="{FF2B5EF4-FFF2-40B4-BE49-F238E27FC236}">
                <a16:creationId xmlns:a16="http://schemas.microsoft.com/office/drawing/2014/main" id="{D31856D1-92F3-4663-AC35-6ECD40F01F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1548a45929d542f08ebbc364690e3865_JoinedDate" hidden="1">
            <a:extLst>
              <a:ext uri="{FF2B5EF4-FFF2-40B4-BE49-F238E27FC236}">
                <a16:creationId xmlns:a16="http://schemas.microsoft.com/office/drawing/2014/main" id="{DBECDEFC-924B-4099-A0D6-DC5322AAED2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3068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16 - Aug 11</a:t>
            </a:r>
          </a:p>
        </p:txBody>
      </p:sp>
      <p:sp>
        <p:nvSpPr>
          <p:cNvPr id="163" name="OTLSHAPE_SLT_1548a45929d542f08ebbc364690e3865_StartDate" hidden="1">
            <a:extLst>
              <a:ext uri="{FF2B5EF4-FFF2-40B4-BE49-F238E27FC236}">
                <a16:creationId xmlns:a16="http://schemas.microsoft.com/office/drawing/2014/main" id="{766A88C6-E964-46BA-A15C-562D47968D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1548a45929d542f08ebbc364690e3865_EndDate" hidden="1">
            <a:extLst>
              <a:ext uri="{FF2B5EF4-FFF2-40B4-BE49-F238E27FC236}">
                <a16:creationId xmlns:a16="http://schemas.microsoft.com/office/drawing/2014/main" id="{3B731737-BC63-489A-A770-1EBFBD7D98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548a45929d542f08ebbc364690e3865_Title">
            <a:extLst>
              <a:ext uri="{FF2B5EF4-FFF2-40B4-BE49-F238E27FC236}">
                <a16:creationId xmlns:a16="http://schemas.microsoft.com/office/drawing/2014/main" id="{F8ED01E3-06E9-4B6D-911C-A20835A11CF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305253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1</a:t>
            </a:r>
          </a:p>
        </p:txBody>
      </p:sp>
      <p:sp>
        <p:nvSpPr>
          <p:cNvPr id="168" name="OTLSHAPE_SLT_526de5b69e97497f9a5625d453beb623_Duration" hidden="1">
            <a:extLst>
              <a:ext uri="{FF2B5EF4-FFF2-40B4-BE49-F238E27FC236}">
                <a16:creationId xmlns:a16="http://schemas.microsoft.com/office/drawing/2014/main" id="{B4D13EB8-85BF-4241-855A-3D90A2C64D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2.1 days</a:t>
            </a:r>
          </a:p>
        </p:txBody>
      </p:sp>
      <p:sp>
        <p:nvSpPr>
          <p:cNvPr id="169" name="OTLSHAPE_SLT_526de5b69e97497f9a5625d453beb623_TextPercentage" hidden="1">
            <a:extLst>
              <a:ext uri="{FF2B5EF4-FFF2-40B4-BE49-F238E27FC236}">
                <a16:creationId xmlns:a16="http://schemas.microsoft.com/office/drawing/2014/main" id="{C25EA1E5-F40E-4269-859F-2B8954DCD94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526de5b69e97497f9a5625d453beb623_JoinedDate" hidden="1">
            <a:extLst>
              <a:ext uri="{FF2B5EF4-FFF2-40B4-BE49-F238E27FC236}">
                <a16:creationId xmlns:a16="http://schemas.microsoft.com/office/drawing/2014/main" id="{36310C1B-8D87-4B47-924F-6705F8CA4EC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22564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12 - Oct 11</a:t>
            </a:r>
          </a:p>
        </p:txBody>
      </p:sp>
      <p:sp>
        <p:nvSpPr>
          <p:cNvPr id="171" name="OTLSHAPE_SLT_526de5b69e97497f9a5625d453beb623_StartDate" hidden="1">
            <a:extLst>
              <a:ext uri="{FF2B5EF4-FFF2-40B4-BE49-F238E27FC236}">
                <a16:creationId xmlns:a16="http://schemas.microsoft.com/office/drawing/2014/main" id="{9359743F-8562-4C4A-84E1-FA7A2391B5A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26de5b69e97497f9a5625d453beb623_EndDate" hidden="1">
            <a:extLst>
              <a:ext uri="{FF2B5EF4-FFF2-40B4-BE49-F238E27FC236}">
                <a16:creationId xmlns:a16="http://schemas.microsoft.com/office/drawing/2014/main" id="{24F16AA3-F6B1-4120-A8BF-023090F7E40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526de5b69e97497f9a5625d453beb623_Title">
            <a:extLst>
              <a:ext uri="{FF2B5EF4-FFF2-40B4-BE49-F238E27FC236}">
                <a16:creationId xmlns:a16="http://schemas.microsoft.com/office/drawing/2014/main" id="{3B2D1CEE-2DED-4A7E-8BF5-F057C9F9387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429896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2</a:t>
            </a:r>
          </a:p>
        </p:txBody>
      </p:sp>
      <p:sp>
        <p:nvSpPr>
          <p:cNvPr id="176" name="OTLSHAPE_SLT_2e921e95cd8d4b13a13500bc7b21bf4c_Duration" hidden="1">
            <a:extLst>
              <a:ext uri="{FF2B5EF4-FFF2-40B4-BE49-F238E27FC236}">
                <a16:creationId xmlns:a16="http://schemas.microsoft.com/office/drawing/2014/main" id="{7F882560-A9CE-423A-BB96-7E94BAA3E4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77" name="OTLSHAPE_SLT_2e921e95cd8d4b13a13500bc7b21bf4c_TextPercentage" hidden="1">
            <a:extLst>
              <a:ext uri="{FF2B5EF4-FFF2-40B4-BE49-F238E27FC236}">
                <a16:creationId xmlns:a16="http://schemas.microsoft.com/office/drawing/2014/main" id="{07623679-F618-4AE1-88C8-5F2598CD7B5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2e921e95cd8d4b13a13500bc7b21bf4c_JoinedDate" hidden="1">
            <a:extLst>
              <a:ext uri="{FF2B5EF4-FFF2-40B4-BE49-F238E27FC236}">
                <a16:creationId xmlns:a16="http://schemas.microsoft.com/office/drawing/2014/main" id="{B08C95A9-1986-4E14-BAAB-A6C6DABA05F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448216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5 - Dec 17</a:t>
            </a:r>
          </a:p>
        </p:txBody>
      </p:sp>
      <p:sp>
        <p:nvSpPr>
          <p:cNvPr id="179" name="OTLSHAPE_SLT_2e921e95cd8d4b13a13500bc7b21bf4c_StartDate" hidden="1">
            <a:extLst>
              <a:ext uri="{FF2B5EF4-FFF2-40B4-BE49-F238E27FC236}">
                <a16:creationId xmlns:a16="http://schemas.microsoft.com/office/drawing/2014/main" id="{98810D54-3264-4BCD-8F6E-A1C222A7384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2e921e95cd8d4b13a13500bc7b21bf4c_EndDate" hidden="1">
            <a:extLst>
              <a:ext uri="{FF2B5EF4-FFF2-40B4-BE49-F238E27FC236}">
                <a16:creationId xmlns:a16="http://schemas.microsoft.com/office/drawing/2014/main" id="{FFB0C67A-2599-4F4B-ADF4-BEFE82F97E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2e921e95cd8d4b13a13500bc7b21bf4c_Title">
            <a:extLst>
              <a:ext uri="{FF2B5EF4-FFF2-40B4-BE49-F238E27FC236}">
                <a16:creationId xmlns:a16="http://schemas.microsoft.com/office/drawing/2014/main" id="{850642BA-CBC6-43B8-8E87-38E74A07CE6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696878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3</a:t>
            </a:r>
          </a:p>
        </p:txBody>
      </p:sp>
      <p:sp>
        <p:nvSpPr>
          <p:cNvPr id="186" name="OTLSHAPE_SLM_b88ca5efb0b24a708ea78aa5e75b5ec7_Title">
            <a:extLst>
              <a:ext uri="{FF2B5EF4-FFF2-40B4-BE49-F238E27FC236}">
                <a16:creationId xmlns:a16="http://schemas.microsoft.com/office/drawing/2014/main" id="{C4B3B639-6442-4575-9395-49847760CC8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693493" y="467801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Blog Live</a:t>
            </a:r>
          </a:p>
        </p:txBody>
      </p:sp>
      <p:sp>
        <p:nvSpPr>
          <p:cNvPr id="187" name="OTLSHAPE_SLM_b88ca5efb0b24a708ea78aa5e75b5ec7_Date">
            <a:extLst>
              <a:ext uri="{FF2B5EF4-FFF2-40B4-BE49-F238E27FC236}">
                <a16:creationId xmlns:a16="http://schemas.microsoft.com/office/drawing/2014/main" id="{D38A768C-98FF-4359-9B62-F043DFB7293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36840" y="4693511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189" name="OTLSHAPE_SLM_07b98bcf678d4671aa63e6c90f0402aa_Title">
            <a:extLst>
              <a:ext uri="{FF2B5EF4-FFF2-40B4-BE49-F238E27FC236}">
                <a16:creationId xmlns:a16="http://schemas.microsoft.com/office/drawing/2014/main" id="{2CA78DEF-CBF4-428C-B53E-5E27F69BFDA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02285" y="46780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Public Site Live</a:t>
            </a:r>
          </a:p>
        </p:txBody>
      </p:sp>
      <p:sp>
        <p:nvSpPr>
          <p:cNvPr id="190" name="OTLSHAPE_SLM_07b98bcf678d4671aa63e6c90f0402aa_Date">
            <a:extLst>
              <a:ext uri="{FF2B5EF4-FFF2-40B4-BE49-F238E27FC236}">
                <a16:creationId xmlns:a16="http://schemas.microsoft.com/office/drawing/2014/main" id="{1B676C52-4BC0-4C38-950C-DD544306B79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194611" y="469351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195" name="OTLSHAPE_SLM_155dc0df6f4143a8a05b7f187d16f3cb_Title">
            <a:extLst>
              <a:ext uri="{FF2B5EF4-FFF2-40B4-BE49-F238E27FC236}">
                <a16:creationId xmlns:a16="http://schemas.microsoft.com/office/drawing/2014/main" id="{128309F8-C3A5-4703-ADDB-5A07DD44730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77782" y="49574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96" name="OTLSHAPE_SLM_155dc0df6f4143a8a05b7f187d16f3cb_Date">
            <a:extLst>
              <a:ext uri="{FF2B5EF4-FFF2-40B4-BE49-F238E27FC236}">
                <a16:creationId xmlns:a16="http://schemas.microsoft.com/office/drawing/2014/main" id="{28B75445-5806-4645-B4F6-C9789A1B9D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196788" y="497291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2"/>
                </a:solidFill>
                <a:latin typeface="Calibri" panose="020F0502020204030204" pitchFamily="34" charset="0"/>
              </a:rPr>
              <a:t>November 16</a:t>
            </a:r>
          </a:p>
        </p:txBody>
      </p:sp>
      <p:sp>
        <p:nvSpPr>
          <p:cNvPr id="198" name="OTLSHAPE_SLM_097fe035032e4cfe9e89d23ddd8d50cc_Title">
            <a:extLst>
              <a:ext uri="{FF2B5EF4-FFF2-40B4-BE49-F238E27FC236}">
                <a16:creationId xmlns:a16="http://schemas.microsoft.com/office/drawing/2014/main" id="{A2E74A72-C379-4D25-A020-D14C59B36AE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216263" y="4957417"/>
            <a:ext cx="10577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99" name="OTLSHAPE_SLM_097fe035032e4cfe9e89d23ddd8d50cc_Date">
            <a:extLst>
              <a:ext uri="{FF2B5EF4-FFF2-40B4-BE49-F238E27FC236}">
                <a16:creationId xmlns:a16="http://schemas.microsoft.com/office/drawing/2014/main" id="{DBB93719-B30B-4C79-B65C-2633968E484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0501969" y="4972911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ch 15</a:t>
            </a:r>
          </a:p>
        </p:txBody>
      </p:sp>
      <p:sp>
        <p:nvSpPr>
          <p:cNvPr id="220" name="OTLSHAPE_TB_00000000000000000000000000000000_MiddleTimescaleInterval5">
            <a:extLst>
              <a:ext uri="{FF2B5EF4-FFF2-40B4-BE49-F238E27FC236}">
                <a16:creationId xmlns:a16="http://schemas.microsoft.com/office/drawing/2014/main" id="{C4083D87-7833-1DF8-9DE2-15E33827A90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99774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24" name="OTLSHAPE_TB_00000000000000000000000000000000_BottomTimescaleInterval2">
            <a:extLst>
              <a:ext uri="{FF2B5EF4-FFF2-40B4-BE49-F238E27FC236}">
                <a16:creationId xmlns:a16="http://schemas.microsoft.com/office/drawing/2014/main" id="{B8DC4AD4-6E38-0DF7-E66F-298F3D54B06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97744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58" name="OTLSHAPE_TB_00000000000000000000000000000000_TimescaleInterval8">
            <a:extLst>
              <a:ext uri="{FF2B5EF4-FFF2-40B4-BE49-F238E27FC236}">
                <a16:creationId xmlns:a16="http://schemas.microsoft.com/office/drawing/2014/main" id="{74DD80E6-E858-AF66-FF5C-209CBBDC6D1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0150335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0" name="OTLSHAPE_TB_00000000000000000000000000000000_MiddleTimescaleInterval6">
            <a:extLst>
              <a:ext uri="{FF2B5EF4-FFF2-40B4-BE49-F238E27FC236}">
                <a16:creationId xmlns:a16="http://schemas.microsoft.com/office/drawing/2014/main" id="{4EDB2A9D-CB77-E032-AAD3-A7476B812B1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7458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F307BC8D-6E03-490E-BD97-F98FDD94408C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30560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33D3BCF1-6215-4510-86C0-FA20111E6D1C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2278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D7123608-C202-47AE-98B7-C8FA7D7B7640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3996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4">
            <a:extLst>
              <a:ext uri="{FF2B5EF4-FFF2-40B4-BE49-F238E27FC236}">
                <a16:creationId xmlns:a16="http://schemas.microsoft.com/office/drawing/2014/main" id="{269DE8D7-BB96-43E0-9FC4-890507EA11ED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59064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5">
            <a:extLst>
              <a:ext uri="{FF2B5EF4-FFF2-40B4-BE49-F238E27FC236}">
                <a16:creationId xmlns:a16="http://schemas.microsoft.com/office/drawing/2014/main" id="{F8E43E01-48EF-41BD-81CD-752BD2773AF9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77624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6">
            <a:extLst>
              <a:ext uri="{FF2B5EF4-FFF2-40B4-BE49-F238E27FC236}">
                <a16:creationId xmlns:a16="http://schemas.microsoft.com/office/drawing/2014/main" id="{3B6BE181-17F2-4EE4-BEBD-84423968892D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89342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98236647-8102-47AF-8675-73F31C588589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3651538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675ED58E-0001-4003-AA63-8F42056D6D0B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5399633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FA066ACD-F758-41DB-8D02-4EDADFFEE8A2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71669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MiddleSeparator4">
            <a:extLst>
              <a:ext uri="{FF2B5EF4-FFF2-40B4-BE49-F238E27FC236}">
                <a16:creationId xmlns:a16="http://schemas.microsoft.com/office/drawing/2014/main" id="{68DD2E28-6DBD-7E4B-0095-72BF347010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934244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BottomSeparator1">
            <a:extLst>
              <a:ext uri="{FF2B5EF4-FFF2-40B4-BE49-F238E27FC236}">
                <a16:creationId xmlns:a16="http://schemas.microsoft.com/office/drawing/2014/main" id="{16EEFDF6-197C-AB37-C620-8A0AA6A5E974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8934244" y="578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Separator7">
            <a:extLst>
              <a:ext uri="{FF2B5EF4-FFF2-40B4-BE49-F238E27FC236}">
                <a16:creationId xmlns:a16="http://schemas.microsoft.com/office/drawing/2014/main" id="{BE0768B9-8D31-09B0-0B18-99728E892CC3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10086835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MiddleSeparator5">
            <a:extLst>
              <a:ext uri="{FF2B5EF4-FFF2-40B4-BE49-F238E27FC236}">
                <a16:creationId xmlns:a16="http://schemas.microsoft.com/office/drawing/2014/main" id="{455EC9F5-D1DD-E7F8-BA52-C3CDE56CAF0D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106823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177188707e544830b8ce884a45b14d3a_Shape">
            <a:extLst>
              <a:ext uri="{FF2B5EF4-FFF2-40B4-BE49-F238E27FC236}">
                <a16:creationId xmlns:a16="http://schemas.microsoft.com/office/drawing/2014/main" id="{05CACDC6-F9F5-475C-9A94-93F02C5B12B7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923598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b8c603269952439b977cb103e5f76bdb_Shape">
            <a:extLst>
              <a:ext uri="{FF2B5EF4-FFF2-40B4-BE49-F238E27FC236}">
                <a16:creationId xmlns:a16="http://schemas.microsoft.com/office/drawing/2014/main" id="{210E9E11-4B90-42BC-815B-090BF31798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495540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0e28a84cf6724e00a089964be0d24b0c_Shape">
            <a:extLst>
              <a:ext uri="{FF2B5EF4-FFF2-40B4-BE49-F238E27FC236}">
                <a16:creationId xmlns:a16="http://schemas.microsoft.com/office/drawing/2014/main" id="{CCE6EE1F-131D-4741-8122-1906BA9EE41F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4593766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b1a2b0ad50c54f3db24b3aab69d68fc5_Shape">
            <a:extLst>
              <a:ext uri="{FF2B5EF4-FFF2-40B4-BE49-F238E27FC236}">
                <a16:creationId xmlns:a16="http://schemas.microsoft.com/office/drawing/2014/main" id="{26F9F21B-48E1-4016-8F30-BBF563A40F39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9934115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A_34e685c5502b43019a09ffb617aff84b_Shape">
            <a:extLst>
              <a:ext uri="{FF2B5EF4-FFF2-40B4-BE49-F238E27FC236}">
                <a16:creationId xmlns:a16="http://schemas.microsoft.com/office/drawing/2014/main" id="{7E0FEC55-132C-4F63-8DDA-12F62155B140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9626425" y="4115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A_51288dd7ee1141c187e9f3ab13f10e91_Shape">
            <a:extLst>
              <a:ext uri="{FF2B5EF4-FFF2-40B4-BE49-F238E27FC236}">
                <a16:creationId xmlns:a16="http://schemas.microsoft.com/office/drawing/2014/main" id="{68337FE8-2E28-40DA-851E-ADFC960D4A60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9626425" y="43568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5" name="OTLSHAPE_SLA_8f2cd47f8d68460b990831e1fd9f67b0_Shape">
            <a:extLst>
              <a:ext uri="{FF2B5EF4-FFF2-40B4-BE49-F238E27FC236}">
                <a16:creationId xmlns:a16="http://schemas.microsoft.com/office/drawing/2014/main" id="{8708AAA6-A31C-F25D-34D1-F51427BF1AB5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591270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A_c94faceab18846f4b0ccf2fbc083ac72_Shape">
            <a:extLst>
              <a:ext uri="{FF2B5EF4-FFF2-40B4-BE49-F238E27FC236}">
                <a16:creationId xmlns:a16="http://schemas.microsoft.com/office/drawing/2014/main" id="{113FF455-FA6A-3D09-FBC4-37C1A6828914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8396994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177188707e544830b8ce884a45b14d3a_Title">
            <a:extLst>
              <a:ext uri="{FF2B5EF4-FFF2-40B4-BE49-F238E27FC236}">
                <a16:creationId xmlns:a16="http://schemas.microsoft.com/office/drawing/2014/main" id="{D799A7E1-9282-4ABB-BB32-7E27E6875BF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632747" y="63333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8" name="OTLSHAPE_M_177188707e544830b8ce884a45b14d3a_Date">
            <a:extLst>
              <a:ext uri="{FF2B5EF4-FFF2-40B4-BE49-F238E27FC236}">
                <a16:creationId xmlns:a16="http://schemas.microsoft.com/office/drawing/2014/main" id="{8B006959-887D-4180-AA72-F54844620F4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816939" y="618110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dirty="0">
                <a:solidFill>
                  <a:schemeClr val="dk2"/>
                </a:solidFill>
                <a:latin typeface="Calibri" panose="020F0502020204030204" pitchFamily="34" charset="0"/>
              </a:rPr>
              <a:t>January 6</a:t>
            </a:r>
          </a:p>
        </p:txBody>
      </p:sp>
      <p:sp>
        <p:nvSpPr>
          <p:cNvPr id="40" name="OTLSHAPE_M_b8c603269952439b977cb103e5f76bdb_Title">
            <a:extLst>
              <a:ext uri="{FF2B5EF4-FFF2-40B4-BE49-F238E27FC236}">
                <a16:creationId xmlns:a16="http://schemas.microsoft.com/office/drawing/2014/main" id="{B0DD48AD-0FDA-4490-9DE7-EB4F5CF956D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294605" y="633333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41" name="OTLSHAPE_M_b8c603269952439b977cb103e5f76bdb_Date">
            <a:extLst>
              <a:ext uri="{FF2B5EF4-FFF2-40B4-BE49-F238E27FC236}">
                <a16:creationId xmlns:a16="http://schemas.microsoft.com/office/drawing/2014/main" id="{B3FAA64A-F569-47F8-9F7B-719BD103CA6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312512" y="618110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43" name="OTLSHAPE_M_0e28a84cf6724e00a089964be0d24b0c_Title">
            <a:extLst>
              <a:ext uri="{FF2B5EF4-FFF2-40B4-BE49-F238E27FC236}">
                <a16:creationId xmlns:a16="http://schemas.microsoft.com/office/drawing/2014/main" id="{D22E7B7D-0F69-4037-BBF5-1E15C687314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4358625" y="633333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Alpha Demo</a:t>
            </a:r>
          </a:p>
        </p:txBody>
      </p:sp>
      <p:sp>
        <p:nvSpPr>
          <p:cNvPr id="44" name="OTLSHAPE_M_0e28a84cf6724e00a089964be0d24b0c_Date">
            <a:extLst>
              <a:ext uri="{FF2B5EF4-FFF2-40B4-BE49-F238E27FC236}">
                <a16:creationId xmlns:a16="http://schemas.microsoft.com/office/drawing/2014/main" id="{93CE782B-72CD-4DFE-B9FC-3B67ED2AD92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536214" y="618110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46" name="OTLSHAPE_M_b1a2b0ad50c54f3db24b3aab69d68fc5_Title">
            <a:extLst>
              <a:ext uri="{FF2B5EF4-FFF2-40B4-BE49-F238E27FC236}">
                <a16:creationId xmlns:a16="http://schemas.microsoft.com/office/drawing/2014/main" id="{AFA95CDF-3235-478C-901C-BBD09FC6B46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608465" y="633333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7" name="OTLSHAPE_M_b1a2b0ad50c54f3db24b3aab69d68fc5_Date">
            <a:extLst>
              <a:ext uri="{FF2B5EF4-FFF2-40B4-BE49-F238E27FC236}">
                <a16:creationId xmlns:a16="http://schemas.microsoft.com/office/drawing/2014/main" id="{869D1133-1655-463F-9147-4CBDB6D83987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770327" y="618110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274" name="OTLSHAPE_SLA_34e685c5502b43019a09ffb617aff84b_Title" hidden="1">
            <a:extLst>
              <a:ext uri="{FF2B5EF4-FFF2-40B4-BE49-F238E27FC236}">
                <a16:creationId xmlns:a16="http://schemas.microsoft.com/office/drawing/2014/main" id="{5E541A98-61AE-77BA-7F6F-CEBCCF7AB22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895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elpdesk content end</a:t>
            </a:r>
          </a:p>
        </p:txBody>
      </p:sp>
      <p:sp>
        <p:nvSpPr>
          <p:cNvPr id="275" name="OTLSHAPE_SLA_34e685c5502b43019a09ffb617aff84b_Date" hidden="1">
            <a:extLst>
              <a:ext uri="{FF2B5EF4-FFF2-40B4-BE49-F238E27FC236}">
                <a16:creationId xmlns:a16="http://schemas.microsoft.com/office/drawing/2014/main" id="{79FD4B34-59F5-A47E-B971-0A53F5F4A1CD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2032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76" name="OTLSHAPE_SLA_51288dd7ee1141c187e9f3ab13f10e91_Title" hidden="1">
            <a:extLst>
              <a:ext uri="{FF2B5EF4-FFF2-40B4-BE49-F238E27FC236}">
                <a16:creationId xmlns:a16="http://schemas.microsoft.com/office/drawing/2014/main" id="{1D84D6D5-C443-7C9A-382C-DFC7E67FE342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ublic content end</a:t>
            </a:r>
          </a:p>
        </p:txBody>
      </p:sp>
      <p:sp>
        <p:nvSpPr>
          <p:cNvPr id="277" name="OTLSHAPE_SLA_51288dd7ee1141c187e9f3ab13f10e91_Date" hidden="1">
            <a:extLst>
              <a:ext uri="{FF2B5EF4-FFF2-40B4-BE49-F238E27FC236}">
                <a16:creationId xmlns:a16="http://schemas.microsoft.com/office/drawing/2014/main" id="{758770EA-C4FC-FA79-0617-9EDBB5AE25A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4802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83" name="OTLSHAPE_SLA_8f2cd47f8d68460b990831e1fd9f67b0_Title">
            <a:extLst>
              <a:ext uri="{FF2B5EF4-FFF2-40B4-BE49-F238E27FC236}">
                <a16:creationId xmlns:a16="http://schemas.microsoft.com/office/drawing/2014/main" id="{FBBF8571-91A3-80EE-EC60-7EBA80260B7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412919" y="3681152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Beta Start</a:t>
            </a:r>
          </a:p>
        </p:txBody>
      </p:sp>
      <p:sp>
        <p:nvSpPr>
          <p:cNvPr id="284" name="OTLSHAPE_SLA_8f2cd47f8d68460b990831e1fd9f67b0_Date" hidden="1">
            <a:extLst>
              <a:ext uri="{FF2B5EF4-FFF2-40B4-BE49-F238E27FC236}">
                <a16:creationId xmlns:a16="http://schemas.microsoft.com/office/drawing/2014/main" id="{E08E815F-6F4A-E468-6E82-39567B2B135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6389351" y="11887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September 4</a:t>
            </a:r>
          </a:p>
        </p:txBody>
      </p:sp>
      <p:sp>
        <p:nvSpPr>
          <p:cNvPr id="286" name="OTLSHAPE_SLA_c94faceab18846f4b0ccf2fbc083ac72_Title">
            <a:extLst>
              <a:ext uri="{FF2B5EF4-FFF2-40B4-BE49-F238E27FC236}">
                <a16:creationId xmlns:a16="http://schemas.microsoft.com/office/drawing/2014/main" id="{60BABEA5-B584-04F9-5293-48DAB98BB18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8244405" y="36811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Beta End</a:t>
            </a:r>
          </a:p>
        </p:txBody>
      </p:sp>
      <p:sp>
        <p:nvSpPr>
          <p:cNvPr id="287" name="OTLSHAPE_SLA_c94faceab18846f4b0ccf2fbc083ac72_Date" hidden="1">
            <a:extLst>
              <a:ext uri="{FF2B5EF4-FFF2-40B4-BE49-F238E27FC236}">
                <a16:creationId xmlns:a16="http://schemas.microsoft.com/office/drawing/2014/main" id="{1A979C4B-1308-AD2A-5BD7-7B1991EF808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191106" y="20197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ember 7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D_d0546c3d87614deaa8921e81003c502b_Line">
            <a:extLst>
              <a:ext uri="{FF2B5EF4-FFF2-40B4-BE49-F238E27FC236}">
                <a16:creationId xmlns:a16="http://schemas.microsoft.com/office/drawing/2014/main" id="{D53D5904-ABE3-3964-86E5-11E7838D4B7F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8926950" y="4204476"/>
            <a:ext cx="103345" cy="241301"/>
          </a:xfrm>
          <a:custGeom>
            <a:avLst/>
            <a:gdLst/>
            <a:ahLst/>
            <a:cxnLst/>
            <a:rect l="0" t="0" r="0" b="0"/>
            <a:pathLst>
              <a:path w="103345" h="241301">
                <a:moveTo>
                  <a:pt x="103344" y="241300"/>
                </a:moveTo>
                <a:lnTo>
                  <a:pt x="0" y="241300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D_7190d7d4f60948db85ee0056707750c2_Line">
            <a:extLst>
              <a:ext uri="{FF2B5EF4-FFF2-40B4-BE49-F238E27FC236}">
                <a16:creationId xmlns:a16="http://schemas.microsoft.com/office/drawing/2014/main" id="{B85F026E-6060-C596-ACF7-2FEC6F5DA04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8926950" y="3285673"/>
            <a:ext cx="352579" cy="1160104"/>
          </a:xfrm>
          <a:custGeom>
            <a:avLst/>
            <a:gdLst/>
            <a:ahLst/>
            <a:cxnLst/>
            <a:rect l="0" t="0" r="0" b="0"/>
            <a:pathLst>
              <a:path w="352579" h="1160104">
                <a:moveTo>
                  <a:pt x="295428" y="0"/>
                </a:moveTo>
                <a:lnTo>
                  <a:pt x="352578" y="0"/>
                </a:lnTo>
                <a:lnTo>
                  <a:pt x="352578" y="104310"/>
                </a:lnTo>
                <a:lnTo>
                  <a:pt x="0" y="104310"/>
                </a:lnTo>
                <a:lnTo>
                  <a:pt x="0" y="1160103"/>
                </a:lnTo>
                <a:lnTo>
                  <a:pt x="103344" y="116010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D_f678c0da336b44a2879177e36c9aabc1_Line">
            <a:extLst>
              <a:ext uri="{FF2B5EF4-FFF2-40B4-BE49-F238E27FC236}">
                <a16:creationId xmlns:a16="http://schemas.microsoft.com/office/drawing/2014/main" id="{4ED5F245-DAA3-25A9-FB3E-7521BE2D1953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3759502" y="2617230"/>
            <a:ext cx="160509" cy="279401"/>
          </a:xfrm>
          <a:custGeom>
            <a:avLst/>
            <a:gdLst/>
            <a:ahLst/>
            <a:cxnLst/>
            <a:rect l="0" t="0" r="0" b="0"/>
            <a:pathLst>
              <a:path w="160509" h="279401">
                <a:moveTo>
                  <a:pt x="103358" y="0"/>
                </a:moveTo>
                <a:lnTo>
                  <a:pt x="160508" y="0"/>
                </a:lnTo>
                <a:lnTo>
                  <a:pt x="160508" y="120650"/>
                </a:lnTo>
                <a:lnTo>
                  <a:pt x="0" y="120650"/>
                </a:lnTo>
                <a:lnTo>
                  <a:pt x="0" y="279400"/>
                </a:lnTo>
                <a:lnTo>
                  <a:pt x="103344" y="279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D_6564823f99004c0ab0a60f7aeb4dcaf2_Line">
            <a:extLst>
              <a:ext uri="{FF2B5EF4-FFF2-40B4-BE49-F238E27FC236}">
                <a16:creationId xmlns:a16="http://schemas.microsoft.com/office/drawing/2014/main" id="{C5E238D9-F202-4837-084B-8A0955CDF42B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4566316" y="2896630"/>
            <a:ext cx="160508" cy="389044"/>
          </a:xfrm>
          <a:custGeom>
            <a:avLst/>
            <a:gdLst/>
            <a:ahLst/>
            <a:cxnLst/>
            <a:rect l="0" t="0" r="0" b="0"/>
            <a:pathLst>
              <a:path w="160508" h="389044">
                <a:moveTo>
                  <a:pt x="103357" y="0"/>
                </a:moveTo>
                <a:lnTo>
                  <a:pt x="160507" y="0"/>
                </a:lnTo>
                <a:lnTo>
                  <a:pt x="160507" y="117010"/>
                </a:lnTo>
                <a:lnTo>
                  <a:pt x="0" y="117010"/>
                </a:lnTo>
                <a:lnTo>
                  <a:pt x="0" y="389043"/>
                </a:lnTo>
                <a:lnTo>
                  <a:pt x="103344" y="3890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" name="Picture 203">
            <a:extLst>
              <a:ext uri="{FF2B5EF4-FFF2-40B4-BE49-F238E27FC236}">
                <a16:creationId xmlns:a16="http://schemas.microsoft.com/office/drawing/2014/main" id="{4A6A1E02-334A-4E58-9BDE-EB169AAE7185}"/>
              </a:ext>
            </a:extLst>
          </p:cNvPr>
          <p:cNvPicPr>
            <a:picLocks noChangeAspect="1"/>
          </p:cNvPicPr>
          <p:nvPr/>
        </p:nvPicPr>
        <p:blipFill rotWithShape="1">
          <a:blip r:embed="rId209"/>
          <a:srcRect b="43230"/>
          <a:stretch/>
        </p:blipFill>
        <p:spPr>
          <a:xfrm>
            <a:off x="10234646" y="113792"/>
            <a:ext cx="1828894" cy="1301445"/>
          </a:xfrm>
          <a:prstGeom prst="rect">
            <a:avLst/>
          </a:prstGeom>
          <a:ln>
            <a:solidFill>
              <a:srgbClr val="C0504D"/>
            </a:solidFill>
          </a:ln>
          <a:effectLst>
            <a:outerShdw blurRad="139700" sx="102000" sy="102000" algn="ctr" rotWithShape="0">
              <a:prstClr val="black">
                <a:alpha val="13000"/>
              </a:prstClr>
            </a:outerShdw>
          </a:effectLst>
        </p:spPr>
      </p:pic>
      <p:sp>
        <p:nvSpPr>
          <p:cNvPr id="205" name="Rectangle 204">
            <a:extLst>
              <a:ext uri="{FF2B5EF4-FFF2-40B4-BE49-F238E27FC236}">
                <a16:creationId xmlns:a16="http://schemas.microsoft.com/office/drawing/2014/main" id="{8492B2EA-E48E-4096-9FDE-BE6D8C3DDD65}"/>
              </a:ext>
            </a:extLst>
          </p:cNvPr>
          <p:cNvSpPr/>
          <p:nvPr/>
        </p:nvSpPr>
        <p:spPr>
          <a:xfrm>
            <a:off x="8238700" y="920959"/>
            <a:ext cx="1677020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54">
              <a:defRPr/>
            </a:pP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</a:t>
            </a:r>
            <a:r>
              <a:rPr lang="en-US" sz="10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imescale settings </a:t>
            </a: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in the style pane to change timeband options.</a:t>
            </a:r>
          </a:p>
        </p:txBody>
      </p:sp>
      <p:sp>
        <p:nvSpPr>
          <p:cNvPr id="206" name="Graphic 11">
            <a:extLst>
              <a:ext uri="{FF2B5EF4-FFF2-40B4-BE49-F238E27FC236}">
                <a16:creationId xmlns:a16="http://schemas.microsoft.com/office/drawing/2014/main" id="{72CE69F1-1BFB-4AC5-88F1-3F84B7CCA9E0}"/>
              </a:ext>
            </a:extLst>
          </p:cNvPr>
          <p:cNvSpPr/>
          <p:nvPr/>
        </p:nvSpPr>
        <p:spPr>
          <a:xfrm>
            <a:off x="9874442" y="867392"/>
            <a:ext cx="410512" cy="289836"/>
          </a:xfrm>
          <a:custGeom>
            <a:avLst/>
            <a:gdLst>
              <a:gd name="connsiteX0" fmla="*/ 133350 w 228600"/>
              <a:gd name="connsiteY0" fmla="*/ 133350 h 152400"/>
              <a:gd name="connsiteX1" fmla="*/ 228600 w 228600"/>
              <a:gd name="connsiteY1" fmla="*/ 65837 h 152400"/>
              <a:gd name="connsiteX2" fmla="*/ 133350 w 228600"/>
              <a:gd name="connsiteY2" fmla="*/ 0 h 152400"/>
              <a:gd name="connsiteX3" fmla="*/ 133350 w 228600"/>
              <a:gd name="connsiteY3" fmla="*/ 28975 h 152400"/>
              <a:gd name="connsiteX4" fmla="*/ 0 w 228600"/>
              <a:gd name="connsiteY4" fmla="*/ 152400 h 152400"/>
              <a:gd name="connsiteX5" fmla="*/ 133350 w 228600"/>
              <a:gd name="connsiteY5" fmla="*/ 102699 h 152400"/>
              <a:gd name="connsiteX6" fmla="*/ 133350 w 228600"/>
              <a:gd name="connsiteY6" fmla="*/ 133350 h 152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2400">
                <a:moveTo>
                  <a:pt x="133350" y="133350"/>
                </a:moveTo>
                <a:lnTo>
                  <a:pt x="228600" y="65837"/>
                </a:lnTo>
                <a:lnTo>
                  <a:pt x="133350" y="0"/>
                </a:lnTo>
                <a:lnTo>
                  <a:pt x="133350" y="28975"/>
                </a:lnTo>
                <a:cubicBezTo>
                  <a:pt x="133350" y="28975"/>
                  <a:pt x="22689" y="53578"/>
                  <a:pt x="0" y="152400"/>
                </a:cubicBezTo>
                <a:cubicBezTo>
                  <a:pt x="48311" y="100670"/>
                  <a:pt x="133350" y="102699"/>
                  <a:pt x="133350" y="102699"/>
                </a:cubicBezTo>
                <a:lnTo>
                  <a:pt x="133350" y="133350"/>
                </a:lnTo>
                <a:close/>
              </a:path>
            </a:pathLst>
          </a:custGeom>
          <a:solidFill>
            <a:srgbClr val="C0504D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07" name="Title 1">
            <a:extLst>
              <a:ext uri="{FF2B5EF4-FFF2-40B4-BE49-F238E27FC236}">
                <a16:creationId xmlns:a16="http://schemas.microsoft.com/office/drawing/2014/main" id="{5E053F54-5348-4B8C-A9A3-0C3480237145}"/>
              </a:ext>
            </a:extLst>
          </p:cNvPr>
          <p:cNvSpPr>
            <a:spLocks noGrp="1"/>
          </p:cNvSpPr>
          <p:nvPr/>
        </p:nvSpPr>
        <p:spPr>
          <a:xfrm>
            <a:off x="307030" y="293799"/>
            <a:ext cx="9006172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Use this demo timeline to get acquainted with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ub-swimlan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 &amp;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multiple timescal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C1E89B8D-BA21-480B-B7DE-4764081D6F9A}"/>
              </a:ext>
            </a:extLst>
          </p:cNvPr>
          <p:cNvSpPr/>
          <p:nvPr/>
        </p:nvSpPr>
        <p:spPr>
          <a:xfrm>
            <a:off x="318506" y="705448"/>
            <a:ext cx="428982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209" name="Group 208">
            <a:extLst>
              <a:ext uri="{FF2B5EF4-FFF2-40B4-BE49-F238E27FC236}">
                <a16:creationId xmlns:a16="http://schemas.microsoft.com/office/drawing/2014/main" id="{16BB6110-80C5-45B1-82C7-6B3FB635EE39}"/>
              </a:ext>
            </a:extLst>
          </p:cNvPr>
          <p:cNvGrpSpPr/>
          <p:nvPr/>
        </p:nvGrpSpPr>
        <p:grpSpPr>
          <a:xfrm>
            <a:off x="1615665" y="741460"/>
            <a:ext cx="365125" cy="451493"/>
            <a:chOff x="2713821" y="586732"/>
            <a:chExt cx="365125" cy="451493"/>
          </a:xfrm>
        </p:grpSpPr>
        <p:pic>
          <p:nvPicPr>
            <p:cNvPr id="210" name="Picture 209">
              <a:extLst>
                <a:ext uri="{FF2B5EF4-FFF2-40B4-BE49-F238E27FC236}">
                  <a16:creationId xmlns:a16="http://schemas.microsoft.com/office/drawing/2014/main" id="{6E94EDA1-1941-4C2A-AFD7-0F1860845C31}"/>
                </a:ext>
              </a:extLst>
            </p:cNvPr>
            <p:cNvPicPr>
              <a:picLocks noChangeAspect="1"/>
            </p:cNvPicPr>
            <p:nvPr/>
          </p:nvPicPr>
          <p:blipFill>
            <a:blip r:embed="rId210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211" name="Straight Connector 210">
              <a:extLst>
                <a:ext uri="{FF2B5EF4-FFF2-40B4-BE49-F238E27FC236}">
                  <a16:creationId xmlns:a16="http://schemas.microsoft.com/office/drawing/2014/main" id="{AA6EB467-BFE5-4AC2-9F46-BDCD760D7CA0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2" name="Straight Connector 211">
              <a:extLst>
                <a:ext uri="{FF2B5EF4-FFF2-40B4-BE49-F238E27FC236}">
                  <a16:creationId xmlns:a16="http://schemas.microsoft.com/office/drawing/2014/main" id="{247FC912-B3FC-42BA-A6F4-9022557BCF1E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9816113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i4wMC4wMC4wMCIsIkVkaXRpb24iOm51bGwsIkxhc3RTYXZlZEVkaXRpb24iOjQ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I0LCJHIjoxMjQsIkIiOjEyN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ciLCJUb3AiOjAuMCwiTGVmdCI6MC4wLCJSaWdodCI6M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bnVsbCwiUGFyZW50U3R5bGUiOm51bGx9LCJMZWZ0RW5kQ2Fwc1N0eWxlIjp7IiRpZCI6IjUxIiwiRm9udFNldHRpbmdzIjp7IiRpZCI6IjUyIiwiRm9udFNpemUiOjE4LCJGb250TmFtZSI6IkNhbGlicmkiLCJJc0JvbGQiOnRydWUsIklzSXRhbGljIjpmYWxzZSwiSXNVbmRlcmxpbmVkIjpmYWxzZSwiUGFyZW50U3R5bGUiOm51bGx9LCJBdXRvU2l6ZSI6MCwiRm9yZWdyb3VuZCI6eyIkaWQiOiI1MyIsIkNvbG9yIjp7IiRpZCI6IjU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yMC4wLCJSaWdodCI6MC4wLCJCb3R0b20iOjAuMH0sIlBhZGRpbmciOnsiJGlkIjoiNTYiLCJUb3AiOjAuMCwiTGVmdCI6MC4wLCJSaWdodCI6MC4wLCJCb3R0b20iOjAuMH0sIkJhY2tncm91bmQiOnsiJGlkIjoiNTciLCJDb2xvciI6eyIkcmVmIjoiNTAifX0sIklzVmlzaWJsZSI6ZmFsc2UsIldpZHRoIjowLjAsIkhlaWdodCI6MC4wLCJCb3JkZXJTdHlsZSI6bnVsbCwiUGFyZW50U3R5bGUiOm51bGx9LCJUb2RheVRleHRTdHlsZSI6eyIkaWQiOiI1OCIsIkZvbnRTZXR0aW5ncyI6eyIkaWQiOiI1OSIsIkZvbnRTaXplIjoxMi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cmVmIjoiNTAifX0sIklzVmlzaWJsZSI6dHJ1ZSwiV2lkdGgiOjAuMCwiSGVpZ2h0IjowLjAsIkJvcmRlclN0eWxlIjpudWxsLCJQYXJlbnRTdHlsZSI6bnVsbH0sIlRvZGF5TWFya2Vy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U1LCJHIjowLCJCIjowfX0sIklzVmlzaWJsZSI6dHJ1ZSwiV2lkdGgiOjAuMCwiSGVpZ2h0IjowLjAsIkJvcmRlclN0eWxlIjpudWxsLCJQYXJlbnRTdHlsZSI6bnVsbH0sIlNjYWxlU3R5bGUiOnsiJGlkIjoiNzAiLCJTaGFwZSI6MC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GlkIjoiNzIiLCJDb2xvciI6eyIkaWQiOiI3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aWQiOiIxMTciLCJBIjowLCJSIjoyNTUsIkciOjI1NSwiQiI6MjU1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AsIlIiOjI1NSwiRyI6MjU1LCJCIjoyNTV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CwiUiI6MjU1LCJHIjoyNTUsIkIiOjI1NX19LCJJc1Zpc2libGUiOnRydWUsIldpZHRoIjowLjAsIkhlaWdodCI6MC4wLCJCb3JkZXJTdHlsZSI6bnVsbCwiUGFyZW50U3R5bGUiOm51bGx9LCJEY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aWQiOiIxNTciLCJBIjowLCJSIjoyNTUsIkciOjI1NSwiQiI6MjU1fX0sIklzVmlzaWJsZSI6dHJ1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EZWZhdWx0VGFza1N0eWxlIjp7IiRpZCI6IjE2MCIsIlNoYXBlIjox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ODksIlIiOjAsIkciOjAsIkIiOjB9fSwiSXNWaXNpYmxlIjp0cnVlLCJXaWR0aCI6MC4wLCJIZWlnaHQiOjAuMCwiQm9yZGVyU3R5bGUiOm51bGwsIlBhcmVudFN0eWxlIjpudWxsfSwiRHVyYXRpb25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pZCI6IjE3NSIsIkNvbG9yIjp7IiRpZCI6IjE3NiIsIkEiOjg5LCJSIjowLCJHIjowLCJCIjowfX0sIklzVmlzaWJsZSI6dHJ1ZSwiV2lkdGgiOjAuMCwiSGVpZ2h0IjowLjAsIkJvcmRlclN0eWxlIjpudWxsLCJQYXJlbnRTdHlsZSI6bnVsbH0sIkhvcml6b250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lZlcnRpY2FsQ29ubmVjdG9yU3R5bGUiOnsiJGlkIjoiMTgwIiwiTGluZUNvbG9yIjp7IiRpZCI6IjE4MSIsIiR0eXBlIjoiTkxSRS5Db21tb24uRG9tLlNvbGlkQ29sb3JCcnVzaCwgTkxSRS5Db21tb24iLCJDb2xvciI6eyIkaWQiOiIxO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1NSwiRyI6MTkyLCJCIjowfX0sIklzVmlzaWJsZSI6dHJ1ZSwiV2lkdGgiOjE0MC4wLCJIZWlnaHQiOjE2LjAsIkJvcmRlclN0eWxlIjp7IiRpZCI6IjE4OCIsIkxpbmVDb2xvciI6eyIkaWQiOiIxODkiLCIkdHlwZSI6Ik5MUkUuQ29tbW9uLkRvbS5Tb2xpZENvbG9yQnJ1c2gsIE5MUkUuQ29tbW9uIiwiQ29sb3IiOnsiJGlkIjoiMTkwIiwiQSI6MjU1LCJSIjoyMzQsIkciOjIyLCJCIjozMH1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m51bGw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nRydWV9fSwiV2Vla051bWJlcmluZyI6eyIkaWQiOiIyMDkiLCJGb3JtYXQiOjAsIklzVmlzaWJsZSI6ZmFsc2UsIkxhc3RLbm93blZpc2liaWxpdHlTdGF0ZSI6ZmFsc2V9LCJJc1Zpc2libGUiOnRydWUsIlBhcmVudFN0eWxlIjpudWxsLCJfZXhwbGljaXRseVNldCI6eyIkaWQiOiIy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xIiwiVGl0bGVQb3NpdGlvbiI6IlJpZ2h0IiwiRGF0ZVBvc2l0aW9uIjoiTGVmdCIsIlNoYXBlVHlwZSI6MiwiU2hhcGVTaXplIjoxLCJTcGFjaW5nIjo1LCJTaGFw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MCwiRyI6MTE0LCJCIjoxODh9fSwiSXNWaXNpYmxlIjp0cnVlLCJXaWR0aCI6MTMuMCwiSGVpZ2h0IjoxMy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7IiRpZCI6IjIzNCIsIkNvbG9yIjp7IiRpZCI6IjIzNSIsIkEiOjg5LCJSIjowLCJHIjowLCJCIjowfX0sIklzVmlzaWJsZSI6dHJ1ZSwiV2lkdGgiOjAuMCwiSGVpZ2h0IjowLjAsIkJvcmRlclN0eWxlIjpudWxs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x9LCJHcmlkbGluZVBhbmVsU3R5bGUiOnsiJGlkIjoiMjM4IiwiR3JpZGxpbmVTdHlsZSI6eyIkaWQiOiIyMzkiLCJMaW5lQ29sb3IiOnsiJGlkIjoiMjQwIiwiJHR5cGUiOiJOTFJFLkNvbW1vbi5Eb20uU29saWRDb2xvckJydXNoLCBOTFJFLkNvbW1vbiIsIkNvbG9yIjp7IiRpZCI6IjI0MSIsIkEiOjM4LCJSIjo5MSwiRyI6MTU1LCJCIjoyMTN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nsiJGlkIjoiMjQ0IiwiTGluZUNvbG9yIjpudWxsLCJMaW5lV2VpZ2h0IjowLjAsIkxpbmVUeXBlIjowLCJQYXJlbnRTdHlsZSI6bnVsbH0sIlBhcmVudFN0eWxlIjpudWxsfSwiQWN0aXZpdHlMaW5lUGFuZWxTdHlsZSI6eyIkaWQiOiIyNDUiLCJBY3Rpdml0eUxpbmVTdHlsZSI6eyIkaWQiOiIyNDYiLCJMaW5lQ29sb3IiOnsiJGlkIjoiMjQ3IiwiJHR5cGUiOiJOTFJFLkNvbW1vbi5Eb20uU29saWRDb2xvckJydXNoLCBOTFJFLkNvbW1vbiIsIkNvbG9yIjp7IiRpZCI6IjI0OCIsIkEiOjM4LCJSIjo2OCwiRyI6MTE0LCJCIjoxOTZ9fSwiTGluZVdlaWdodCI6MS4wLCJMaW5lVHlwZSI6MC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jU1LCJHIjoxOTIsIkIiOjB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TWFyZ2luIjp7IiRpZCI6IjI3OCIsIlRvcCI6MC4wLCJMZWZ0IjowLjAsIlJpZ2h0IjowLjAsIkJvdHRvbSI6MC4wfSwiUGFkZGluZyI6eyIkaWQiOiIyNzkiLCJUb3AiOjAuMCwiTGVmdCI6MC4wLCJSaWdodCI6MC4wLCJCb3R0b20iOjAuMH0sIkJhY2tncm91bmQiOm51bGwsIklzVmlzaWJsZSI6dHJ1ZSwiV2lkdGgiOjAuMCwiSGVpZ2h0IjowLjAsIkJvcmRlclN0eWxlIjpudWxsLCJQYXJlbnRTdHlsZSI6bnVsbH0sIkJhY2tncm91bmR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udWxs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EwIiwiTWFyZ2luIjp7IiRpZCI6IjMxMSIsIlRvcCI6MC4wLCJMZWZ0Ijo0LjAsIlJpZ2h0Ijo0LjAsIkJvdHRvbSI6MC4wfSwiUGFkZGluZyI6eyIkaWQiOiIzMTIiLCJUb3AiOjAuMCwiTGVmdCI6MC4wLCJSaWdodCI6MC4wLCJCb3R0b20iOjAuMH0sIkJhY2tncm91bmQiOnsiJGlkIjoiMzEzIiwiQ29sb3IiOnsiJGlkIjoiMzE0IiwiQSI6MjU1LCJSIjoyNTUsIkciOjE5MiwiQiI6MH19LCJJc1Zpc2libGUiOnRydWUsIldpZHRoIjowLjAsIkhlaWdodCI6MTY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aWQiOiIzMjAiLCJDb2xvciI6eyIkaWQiOiIzMj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cmVmIjoiMjk2In19LCJJc1Zpc2libGUiOnRydWUsIldpZHRoIjowLjAsIkhlaWdodCI6MC4wLCJCb3JkZXJTdHlsZSI6bnVsbC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cmVmIjoiMjk2In19LCJJc1Zpc2libGUiOnRydWUsIldpZHRoIjowLjAsIkhlaWdodCI6MC4wLCJCb3JkZXJTdHlsZSI6bnVsbC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yIsIkRhdGVQYXJ0SXNWaXNpYmxlIjp0cnVlLCJUaW1lUGFydElzVmlzaWJsZSI6dHJ1ZX19LCJXZWVrTnVtYmVyaW5nIjp7IiRpZCI6IjMzNCIsIkZvcm1hdCI6MCwiSXNWaXNpYmxlIjpmYWxzZSwiTGFzdEtub3duVmlzaWJpbGl0eVN0YXRlIjpmYWxzZX0sIklzVmlzaWJsZSI6dHJ1ZSwiUGFyZW50U3R5bGUiOm51bGwsIl9leHBsaWNpdGx5U2V0Ijp7IiRpZCI6IjM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ODksIlIiOjAsIkciOjAsIkIiOjB9fSwiSXNWaXNpYmxlIjp0cnVlLCJXaWR0aCI6MC4wLCJIZWlnaHQiOjAuMCwiQm9yZGVyU3R5bGUiOm51bGw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HJlZiI6IjM1NyJ9fSwiSXNWaXNpYmxlIjp0cnVlLCJXaWR0aCI6MC4wLCJIZWlnaHQiOjAuMCwiQm9yZGVyU3R5bGUiOm51bGwsIlBhcmVudFN0eWxlIjpudWxsfSwiRGF0ZUZvcm1hdCI6eyIkaWQiOiIz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IiwiRm9ybWF0IjowLCJJc1Zpc2libGUiOmZhbHNlLCJMYXN0S25vd25WaXNpYmlsaXR5U3RhdGUiOmZhbHNlfSwiSXNWaXNpYmxlIjp0cnVlLCJQYXJlbnRTdHlsZSI6bnVsbH0sIkRlZmF1bHRTd2ltbGFuZU1pbGVzdG9uZVN0eWxlIjp7IiRpZCI6IjM2NyIsIlRpdGxlUG9zaXRpb24iOiJSaWdodCIsIkRhdGVQb3NpdGlvbiI6IkxlZnQiLCJTaGFwZVR5cGUiOjIsIlNoYXBlU2l6ZSI6MSwiU3BhY2luZyI6NSwiU2hhcGV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yNTUsIlIiOjI1NSwiRyI6MTkyLCJCIjowfX0sIklzVmlzaWJsZSI6dHJ1ZSwiV2lkdGgiOjEzLjAsIkhlaWdodCI6MTM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xLCJGb250TmFtZSI6IkNhbGlicmkiLCJJc0JvbGQiOnRydWUsIklzSXRhbGljIjpmYWxzZSwiSXNVbmRlcmxpbmVkIjpmYWxzZSwiUGFyZW50U3R5bGUiOm51bGx9LCJBdXRvU2l6ZSI6MCwiRm9yZWdyb3VuZCI6eyIkaWQiOiIzNzgiLCJDb2xvciI6eyIkaWQiOiIz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bnVsbC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bnVsbCwiUGFyZW50U3R5bGUiOm51bGx9LCJEYXRlRm9ybWF0Ijp7IiRpZCI6Ij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m51bGwsIklzVmlzaWJsZSI6dHJ1ZSwiV2lkdGgiOjAuMCwiSGVpZ2h0IjowLjAsIkJvcmRlclN0eWxlIjpudWxsLCJQYXJlbnRTdHlsZSI6bnVsbH0sIlJlY3Rhbmds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YzLCJSIjoyNTUsIkciOjE5MiwiQiI6MH19LCJJc1Zpc2libGUiOnRydWUsIldpZHRoIjowLjAsIkhlaWdodCI6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QmFja2dyb3VuZCI6bnVsbCwiSXNWaXNpYmxlIjp0cnVlLCJXaWR0aCI6MC4wLCJIZWlnaHQiOjAuMCwiQm9yZGVyU3R5bGUiOm51bGwsIlBhcmVudFN0eWxlIjpudWxsfSwiQmFja2dyb3VuZF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UxLCJSIjoyNTUsIkciOjE5MiwiQiI6MH19LCJJc1Zpc2libGUiOnRydWUsIldpZHRoIjowLjAsIkhlaWdodCI6M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3OSwiRyI6MTI5LCJCIjoxODl9fSwiTGluZVdlaWdodCI6MS4wLCJMaW5lVHlwZSI6MCwiUGFyZW50U3R5bGUiOm51bGx9LCJJc0JlbG93VGltZWJhbmQiOnRydWUsIlBvc2l0aW9uT25UYXNrIjowLCJIaWRlRGF0ZSI6ZmFsc2UsIlNoYXBlU2l6ZSI6MSwiU3BhY2luZyI6Mi4wLCJQYWRkaW5nIjp7IiRpZCI6IjQzNyIsIlRvcCI6MTAuMCwiTGVmdCI6My4wLCJSaWdodCI6MC4wLCJCb3R0b20iOjAuMH0sIlNoYXB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MjU1LCJSIjoyMzcsIkciOjEyNSwiQiI6NDl9fSwiSXNWaXNpYmxlIjp0cnVlLCJXaWR0aCI6MTguMCwiSGVpZ2h0IjoyMC4wLCJCb3JkZXJTdHlsZSI6eyIkaWQiOiI0NDMiLCJMaW5lQ29sb3IiOnsiJGlkIjoiNDQ0IiwiJHR5cGUiOiJOTFJFLkNvbW1vbi5Eb20uU29saWRDb2xvckJydXNoLCBOTFJFLkNvbW1vbiIsIkNvbG9yIjp7IiRpZCI6IjQ0NSIsIkEiOjI1NSwiUiI6MjU1LCJHIjowLCJCIjowfX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nRydWUsIldpZHRoIjowLjAsIkhlaWdodCI6MC4wLCJCb3JkZXJTdHlsZSI6eyIkaWQiOiI0NjMiLCJMaW5lQ29sb3IiOm51bGwsIkxpbmVXZWlnaHQiOjAuMCwiTGluZVR5cGUiOjAsIlBhcmVudFN0eWxlIjpudWxsfSwiUGFyZW50U3R5bGUiOm51bGx9LCJEYXRlRm9ybWF0Ijp7IiRpZCI6I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jAiLCJUb3AiOjAuMCwiTGVmdCI6MC4wLCJSaWdodCI6MC4wLCJCb3R0b20iOjAuMH0sIlBhZGRpbmciOnsiJGlkIjoiNTIxIiwiVG9wIjowLjAsIkxlZnQiOjAuMCwiUmlnaHQiOjAuMCwiQm90dG9tIjowLjB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AsIkZvbnROYW1lIjoiQ2FsaWJyaSIsIklzQm9sZCI6ZmFsc2UsIklzSXRhbGljIjpmYWxzZSwiSXNVbmRlcmxpbmVkIjpmYWxzZSwiUGFyZW50U3R5bGUiOm51bGx9LCJBdXRvU2l6ZSI6MCwiRm9yZWdyb3VuZCI6eyIkaWQiOiI1MjciLCJDb2xvciI6eyIkaWQiOiI1Mj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HJlZiI6IjYxNyJ9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YyMiJ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cmVmIjoiNjI1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YyOCJ9LCJMaW5lV2VpZ2h0IjowLjAsIkxpbmVUeXBlIjowLCJQYXJlbnRTdHlsZSI6bnVsbH0sIlZlcnRpY2FsQ29ubmVjdG9yU3R5bGUiOnsiJGlkIjoiNzI2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3MjciLCJNYXJnaW4iOnsiJGlkIjoiNzI4IiwiVG9wIjowLjAsIkxlZnQiOjQuMCwiUmlnaHQiOjQuMCwiQm90dG9tIjowLjB9LCJQYWRkaW5nIjp7IiRpZCI6IjcyOSIsIlRvcCI6MC4wLCJMZWZ0IjowLjAsIlJpZ2h0IjowLjAsIkJvdHRvbSI6MC4wfSwiQmFja2dyb3VuZCI6eyIkaWQiOiI3MzAiLCJDb2xvciI6eyIkaWQiOiI3MzEiLCJBIjoyNTUsIlIiOjI1NSwiRyI6MTkyLCJCIjowfX0sIklzVmlzaWJsZSI6dHJ1ZSwiV2lkdGgiOjEyOC4wLCJIZWlnaHQiOjE2LjAsIkJvcmRlclN0eWxlIjp7IiRpZCI6IjczMiIsIkxpbmVDb2xvciI6eyIkcmVmIjoiNjM4In0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eyIkaWQiOiI3NTAiLCJMaW5lQ29sb3IiOm51bGwsIkxpbmVXZWlnaHQiOjAuMCwiTGluZVR5cGUiOjAsIlBhcmVudFN0eWxlIjpudWxsfS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HJlZiI6IjYxNyJ9fSwiSXNWaXNpYmxlIjp0cnVlLCJXaWR0aCI6MC4wLCJIZWlnaHQiOjAuMCwiQm9yZGVyU3R5bGUiOnsiJGlkIjoiODEwIiwiTGluZUNvbG9yIjpudWxsLCJMaW5lV2VpZ2h0IjowLjAsIkxpbmVUeXBlIjowLCJQYXJlbnRTdHlsZSI6bnVsbH0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GlkIjoiODEzIiwiQ29sb3IiOnsiJHJlZiI6IjYyMiJ9fSwiTWF4V2lkdGgiOjIw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cmVmIjoiNjI1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YyOCJ9LCJMaW5lV2VpZ2h0IjowLjAsIkxpbmVUeXBlIjowLCJQYXJlbnRTdHlsZSI6bnVsbH0sIlZlcnRpY2FsQ29ubmVjdG9yU3R5bGUiOnsiJGlkIjoiODE4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RGF0ZUZvcm1hdCI6eyIkaWQiOiI4ND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xMjQsXCJHXCI6MTI0LFwiQlwiOjEyNH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HJlZlwiOlwiOVwifX0sXCJJc1Zpc2libGVcIjp0cnVlLFwiV2lkdGhcIjo4NTguMCxcIkhlaWdodFwiOjI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yMC4wLFwiQm9yZGVyU3R5bGVcIjpudWxsfSxcIlJpZ2h0RW5kQ2Fwc1N0eWxlXCI6e1wiJGlkXCI6XCIyMlwiLFwiRm9udFNldHRpbmdzXCI6e1wiJGlkXCI6XCIyM1wiLFwiRm9udFNpemVcIjoxOCxcIkZvbnROYW1lXCI6XCJDYWxpYnJpXCIsXCJJc0JvbGRcIjp0cnVlLFwiSXNJdGFsaWNcIjpmYWxzZSxcIklzVW5kZXJsaW5lZFwiOmZhbHNlfSxcIkF1dG9TaXplXCI6MCxcIkZvcmVncm91bmRcIjp7XCIkaWRcIjpcIjI0XCIsXCJDb2xvclwiOntcIiRpZFwiOlwiMjV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w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xOC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MC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mYWxzZSxcIlNlZ21lbnRTZXBhcmF0b3JPcGFjaXR5XCI6MzAsXCJTaGFwZVwiOjAsXCJIYXNCZWVuVmlzaWJsZUJlZm9yZVwiOnRydWUsXCJGb250U2V0dGluZ3NcIjp7XCIkaWRcIjpcIjUwXCIsXCJGb250U2l6ZVwiOjEyLFwiRm9udE5hbWVcIjpcIkNhbGlicmlcIixcIklzQm9sZFwiOmZhbHNlLFwiSXNJdGFsaWNcIjpmYWxzZSxcIklzVW5kZXJsaW5lZFwiOmZhbHNlfSxcIkF1dG9TaXplXCI6MCxcIkZvcmVncm91bmRcIjp7XCIkaWRcIjpcIjUxXCIsXCJDb2xvclwiOntcIiRpZFwiOlwiNTJ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TlcIixcIlRvcFwiOjAuMCxcIkxlZnRcIjo1LjAsXCJSaWdodFwiOjAuMCxcIkJvdHRvbVwiOjAuMH0sXCJQYWRkaW5nXCI6e1wiJGlkXCI6XCI2MFwiLFwiVG9wXCI6MC4wLFwiTGVmdFwiOjAuMCxcIlJpZ2h0XCI6MC4wLFwiQm90dG9tXCI6MC4wfSxcIkJhY2tncm91bmRcIjp7XCIkaWRcIjpcIjYxXCIsXCJDb2xvclwiOntcIiRyZWZcIjpcIjI5XCJ9fSxcIklzVmlzaWJsZVwiOmZhbHNlLFwiV2lkdGhcIjowLjAsXCJIZWlnaHRcIjowLjAsXCJCb3JkZXJTdHlsZVwiOm51bGx9LFwiQm90dG9tVGllclNjYWxlU3R5bGVcIjp7XCIkaWRcIjpcIjYyXCIsXCJTaG93U2VnbWVudFNlcGFyYXRvcnNcIjpmYWxz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BcIixcIlRvcFwiOjAuMCxcIkxlZnRcIjowLjAsXCJSaWdodFwiOjAuMCxcIkJvdHRvbVwiOjAuMH0sXCJQYWRkaW5nXCI6e1wiJGlkXCI6XCIxMDFcIixcIlRvcFwiOjAuMCxcIkxlZnRcIjowLjAsXCJSaWdodFwiOjAuMCxcIkJvdHRvbVwiOjAuMH0sXCJCYWNrZ3JvdW5kXCI6e1wiJGlkXCI6XCIxMDJcIixcIkNvbG9yXCI6e1wiJHJlZlwiOlwiMjlcIn19LFwiSXNWaXNpYmxlXCI6dHJ1ZSxcIldpZHRoXCI6MC4wLFwiSGVpZ2h0XCI6MC4wLFwiQm9yZGVyU3R5bGVcIjpudWxs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MTM3XCIsXCJUb3BcIjowLjAsXCJMZWZ0XCI6MC4wLFwiUmlnaHRcIjowLjAsXCJCb3R0b21cIjowLjB9LFwiUGFkZGluZ1wiOntcIiRpZFwiOlwiMTM4XCIsXCJUb3BcIjowLjAsXCJMZWZ0XCI6MC4wLFwiUmlnaHRcIjowLjAsXCJCb3R0b21cIjowLjB9LFwiQmFja2dyb3VuZFwiOntcIiRpZFwiOlwiMTM5XCIsXCJDb2xvclwiOntcIiRyZWZcIjpcIjI5XCJ9fSxcIklzVmlzaWJsZVwiOnRydWUsXCJXaWR0aFwiOjAuMCxcIkhlaWdodFwiOjAuMCxcIkJvcmRlclN0eWxlXCI6bnVsbH0sXCJEY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jlcIn19LFwiSXNWaXNpYmxlXCI6dHJ1ZSxcIldpZHRoXCI6MC4wLFwiSGVpZ2h0XCI6MC4wLFwiQm9yZGVyU3R5bGVcIjpudWxsfSxcIkRhdGVGb3JtYXRcIjp7XCIkaWRcIjpcIjE0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yOTRcIixcIlNoYXBlXCI6MSxcIlNoYXBlVGhpY2tuZXNzXCI6MSxcIkR1cmF0aW9uRm9ybWF0XCI6MCxcIlBlcmNlbnRhZ2VDb21wbGV0ZVN0eWxlXCI6e1wiJGlkXCI6XCIyOTVcIixcIkZvbnRTZXR0aW5nc1wiOntcIiRpZFwiOlwiMjk2XCIsXCJGb250U2l6ZVwiOjEwLFwiRm9udE5hbWVcIjpcIkNhbGlicmlcIixcIklzQm9sZFwiOmZhbHNlLFwiSXNJdGFsaWNcIjpmYWxzZSxcIklzVW5kZXJsaW5lZFwiOmZhbHNlfSxcIkF1dG9TaXplXCI6MCxcIkZvcmVncm91bmRcIjp7XCIkaWRcIjpcIjI5N1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MyXCIsXCJTaGFwZVwiOjEsXCJTaGFwZVRoaWNrbmVzc1wiOjEsXCJEdXJhdGlvbkZvcm1hdFwiOjAsXCJQZXJjZW50YWdlQ29tcGxldGVTdHlsZVwiOntcIiRpZFwiOlwiMzMzXCIsXCJGb250U2V0dGluZ3NcIjp7XCIkaWRcIjpcIjMzNFwiLFwiRm9udFNpemVcIjoxMCxcIkZvbnROYW1lXCI6XCJDYWxpYnJpXCIsXCJJc0JvbGRcIjpmYWxzZSxcIklzSXRhbGljXCI6ZmFsc2UsXCJJc1VuZGVybGluZWRcIjpmYWxzZX0sXCJBdXRvU2l6ZVwiOjAsXCJGb3JlZ3JvdW5kXCI6e1wiJGlkXCI6XCIzMzV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M3MFwiLFwiU2hhcGVcIjoxLFwiU2hhcGVUaGlja25lc3NcIjoxLFwiRHVyYXRpb25Gb3JtYXRcIjowLFwiUGVyY2VudGFnZUNvbXBsZXRlU3R5bGVcIjp7XCIkaWRcIjpcIjM3MVwiLFwiRm9udFNldHRpbmdzXCI6e1wiJGlkXCI6XCIzNzJcIixcIkZvbnRTaXplXCI6MTAsXCJGb250TmFtZVwiOlwiQ2FsaWJyaVwiLFwiSXNCb2xkXCI6ZmFsc2UsXCJJc0l0YWxpY1wiOmZhbHNlLFwiSXNVbmRlcmxpbmVkXCI6ZmFsc2V9LFwiQXV0b1NpemVcIjowLFwiRm9yZWdyb3VuZFwiOntcIiRpZFwiOlwiMzcz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aWRcIjpcIjQwNFwiLFwiQ29sb3JcIjp7XCIkaWRcIjpcIjQwNVwiLFwiQVwiOjAsXCJSXCI6MjU1LFwiR1wiOjI1NSxcIkJcIjoyNTV9fSxcIklzVmlzaWJsZVwiOnRydWUsXCJXaWR0aFwiOjAuMCxcIkhlaWdodFwiOjAuMCxcIkJvcmRlclN0eWxlXCI6e1wiJGlkXCI6XCI0MDZcIixcIkxpbmVDb2xvclwiOm51bGwsXCJMaW5lV2VpZ2h0XCI6MC4wLFwiTGluZVR5cGVcIjowfX0sXCJEYXRlRm9ybWF0XCI6e1wiJGlkXCI6XCI0M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MDhcIixcIlNoYXBlXCI6MSxcIlNoYXBlVGhpY2tuZXNzXCI6MSxcIkR1cmF0aW9uRm9ybWF0XCI6MCxcIlBlcmNlbnRhZ2VDb21wbGV0ZVN0eWxlXCI6e1wiJGlkXCI6XCI0MDlcIixcIkZvbnRTZXR0aW5nc1wiOntcIiRpZFwiOlwiNDEwXCIsXCJGb250U2l6ZVwiOjEwLFwiRm9udE5hbWVcIjpcIkNhbGlicmlcIixcIklzQm9sZFwiOmZhbHNlLFwiSXNJdGFsaWNcIjpmYWxzZSxcIklzVW5kZXJsaW5lZFwiOmZhbHNlfSxcIkF1dG9TaXplXCI6MCxcIkZvcmVncm91bmRcIjp7XCIkaWRcIjpcIjQxMV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NDZcIixcIlNoYXBlXCI6MyxcIlNoYXBlVGhpY2tuZXNzXCI6MSxcIkR1cmF0aW9uRm9ybWF0XCI6MCxcIlBlcmNlbnRhZ2VDb21wbGV0ZVN0eWxlXCI6e1wiJGlkXCI6XCI0NDdcIixcIkZvbnRTZXR0aW5nc1wiOntcIiRpZFwiOlwiNDQ4XCIsXCJGb250U2l6ZVwiOjEwLFwiRm9udE5hbWVcIjpcIkNhbGlicmlcIixcIklzQm9sZFwiOmZhbHNlLFwiSXNJdGFsaWNcIjpmYWxzZSxcIklzVW5kZXJsaW5lZFwiOmZhbHNlfSxcIkF1dG9TaXplXCI6MCxcIkZvcmVncm91bmRcIjp7XCIkaWRcIjpcIjQ0OV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ODNcIixcIlNoYXBlXCI6MyxcIlNoYXBlVGhpY2tuZXNzXCI6MSxcIkR1cmF0aW9uRm9ybWF0XCI6MCxcIlBlcmNlbnRhZ2VDb21wbGV0ZVN0eWxlXCI6e1wiJGlkXCI6XCI0ODRcIixcIkZvbnRTZXR0aW5nc1wiOntcIiRpZFwiOlwiNDg1XCIsXCJGb250U2l6ZVwiOjEwLFwiRm9udE5hbWVcIjpcIkNhbGlicmlcIixcIklzQm9sZFwiOmZhbHNlLFwiSXNJdGFsaWNcIjpmYWxzZSxcIklzVW5kZXJsaW5lZFwiOmZhbHNlfSxcIkF1dG9TaXplXCI6MCxcIkZvcmVncm91bmRcIjp7XCIkaWRcIjpcIjQ4Nl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mZhbHN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yNCxcIkdcIjoxMjQsXCJCXCI6MTI0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4LFwiR1wiOjIzNixcIkJcIjoyMjV9fSxcIkhvcml6b250YWxBbGlnbm1lbnRcIjow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TkyLFwiR1wiOjgwLFwiQlwiOjc3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AuMCxcIkxpbmVUeXBlXCI6MH0sXCJJc1Zpc2libGVcIjpmYWxz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NS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U1LFwiR1wiOjE5MixcIkJcIjowfX0sXCJJc1Zpc2libGVcIjp0cnVlLFwiV2lkdGhcIjoxND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MCxcIklzQmVsb3dUaW1lYmFuZFwiOnRydWUsXCJTaGFwZVNpemVcIjoxLFwiUGFkZGluZ1wiOntcIiRpZFwiOlwiODVcIixcIlRvcFwiOjEwLjAsXCJMZWZ0XCI6My4wLFwiUmlnaHRcIjowLjAsXCJCb3R0b21cIjow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TEyLFwiR1wiOjE3MyxcIkJcIjo3M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MCxcIlNoYXBlU2l6ZVwiOjEsXCJEZXRhaWxzU3BhY2luZ1wiOjIuMCxcIlBhZGRpbmdcIjp7XCIkaWRcIjpcIjEwNlwiLFwiVG9wXCI6MTAuMCxcIkxlZnRcIjozLjAsXCJSaWdodFwiOjAuMCxcIkJvdHRvbVwiOjA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hZTI4ZDkwMy0yOTJjLTRlZGUtYTM4OC0xOGQzNGUxNDI3YTN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TUsXCJHXCI6MTkyLFwiQlwiOjB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U1LFwiR1wiOjE5MixcIkJcIjo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TUsXCJHXCI6MTkyLFwiQlwiOj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U1LFwiR1wiOjE5MixcIkJcIjow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I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1NSxcIkdcIjoxOTIsXCJCXCI6MH19LFwiSXNWaXNpYmxlXCI6dHJ1ZSxcIldpZHRoXCI6MTMuMCxcIkhlaWdodFwiOjEz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OCxcIkdcIjoyMzYsXCJCXCI6MjI1fX0sXCJIb3Jpem9udGFsQWxpZ25tZW50XCI6MC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xOTIsXCJHXCI6ODAsXCJCXCI6Nzd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I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IsXCJTaGFwZVNpemVcIjoxLFwiRGV0YWlsc1NwYWNpbmdcIjoyLjAsXCJQYWRkaW5nXCI6e1wiJGlkXCI6XCIyMjdcIixcIlRvcFwiOjEwLjAsXCJMZWZ0XCI6My4wLFwiUmlnaHRcIjowLjAsXCJCb3R0b21cIjow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yNTUsXCJHXCI6MTkyLFwiQlwiOjB9fSxcIklzVmlzaWJsZVwiOnRydWUsXCJXaWR0aFwiOjEzLjAsXCJIZWlnaHRcIjoxMy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NjgsXCJHXCI6MTE0LFwiQlwiOjE5Nn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zMS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xMjQsXCJHXCI6MTI0LFwiQlwiOjEyNH0sXCJBY2NlbnQzXCI6e1wiJGlkXCI6XCIyNzdcIixcIkFcIjoyNTUsXCJSXCI6MjU1LFwiR1wiOjE5MixcIkJcIjow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ODk1IiwiSW1wYU9wdGlvbnMiOnsiJGlkIjoiODk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k3IiwiVXNlVGltZSI6ZmFsc2UsIldvcmtEYXlTdGFydCI6IjAwOjAwOjAwIiwiV29ya0RheUVuZCI6IjIzOjU5OjAwIn0sIkxhc3RVc2VkVGVtcGxhdGVJZCI6IjkyOWMzMjliLWVjOGUtNDcxMy04YjlkLTdlZDM5ZjBiMTA1MyIsIkxhc3RVc2VkVGhlbWVEZXRhaWxzIjp7IiRpZCI6Ijg5OCIsIklkIjoiNDNkNjc2ODQtOGQyZS00Nzc0LWIwZWYtNjBmZDFkY2Q0NmQ2IiwiVGl0bGUiOiJVbnRpdGxlZCB0aGVtZSIsIkNhdGVnb3J5IjoyfSwiRmlyc3RXZWVrT2ZZZWFyIjowLCJQbGFjZU1pbGVzdG9uZUF0VGhlQmVnaW5uaW5nT2ZUaGVEYXkiOmZhbHNlLCJEZXBlbmRlbmN5U2NoZWR1bGluZ1NldHRpbmdzIjp7IiRpZCI6Ijg5OS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1T23:59:00.0000000Z"/>
  <p:tag name="OTLENDDATE" val="2023-02-24T23:59:00.0000000Z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5-16T23:59:00.0000000Z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3-05-17T23:59:00.0000000Z"/>
  <p:tag name="OTLENDDATE" val="2023-07-20T23:59:00.0000000Z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4-01T23:59:00.0000000Z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01T23:59:00.0000000Z"/>
  <p:tag name="OTLENDDATE" val="2023-05-13T23:59:00.0000000Z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4-01T23:59:00.0000000Z"/>
  <p:tag name="OTLENDDATE" val="2023-10-21T23:59:00.0000000Z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30T23:59:00.0000000Z"/>
  <p:tag name="OTLENDDATE" val="2023-08-19T02:09:00.0000000Z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8-18T23:59:00.0000000Z"/>
  <p:tag name="OTLENDDATE" val="2023-10-21T08:33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1T23:59:00.0000000"/>
  <p:tag name="OTLMILESTONESPACING" val="5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3-07-04T23:59:00.0000000"/>
  <p:tag name="OTLMILESTONESPACING" val="5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  <p:tag name="OTLMILESTONESPACING" val="5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2T23:59:00.0000000"/>
  <p:tag name="OTLMILESTONESPACING" val="5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3-11-02T23:59:00.0000000"/>
  <p:tag name="OTLMILESTONESPACING" val="5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03T00:00:00.0000000Z"/>
  <p:tag name="OTLENDDATE" val="2023-02-10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0T00:00:00.0000000Z"/>
  <p:tag name="OTLENDDATE" val="2023-02-17T21:1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25T23:59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6-30T23:59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0T23:59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21T23:59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5-29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6-19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7-10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8T14:51:00.0000000Z"/>
  <p:tag name="OTLENDDATE" val="2023-02-25T22:11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1T00:00:00.0000000Z"/>
  <p:tag name="OTLENDDATE" val="2023-02-26T00:05:00.0000000Z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I3VDIzOjU5OjAwWiIsIkVuZERhdGUiOiIyMDIzLTA1LTE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TM4LjAsIkhlaWdodCI6MTAuMCwiQm9yZGVyU3R5bGUiOnsiJGlkIjoiMzYiLCJMaW5lQ29sb3IiOnsiJGlkIjoiMzciLCIkdHlwZSI6Ik5MUkUuQ29tbW9uLkRvbS5Tb2xpZENvbG9yQnJ1c2gsIE5MUkUuQ29tbW9uIiwiQ29sb3IiOnsiJGlkIjoiMzgiLCJBIjoyNTUsIlIiOjQ3LCJHIjo4MiwiQiI6MTQz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yZWYiOiIyMyJ9LCJJc1Zpc2libGUiOnRydWUsIldpZHRoIjowLjAsIkhlaWdodCI6MC4wLCJCb3JkZXJTdHlsZSI6eyIkaWQiOiI3NSIsIkxpbmVDb2xvciI6bnVsbCwiTGluZVdlaWdodCI6MC4wLCJMaW5lVHlwZSI6MCwiUGFyZW50U3R5bGUiOm51bGx9LCJQYXJlbnRTdHlsZSI6bnVsbH0sIkhvcml6b250YWxDb25uZWN0b3JTdHlsZSI6eyIkaWQiOiI3NiIsIkxpbmVDb2xvciI6eyIkcmVmIjoiMjYifSwiTGluZVdlaWdodCI6MS4wLCJMaW5lVHlwZSI6MCwiUGFyZW50U3R5bGUiOm51bGx9LCJWZXJ0aWNhbENvbm5lY3RvclN0eWxlIjp7IiRpZCI6Ijc3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NTEsIlIiOjE2NSwiRyI6MTY1LCJCIjoxNjV9fSwiSXNWaXNpYmxlIjp0cnVlLCJXaWR0aCI6MC4wLCJIZWlnaHQiOjAuMCwiQm9yZGVyU3R5bGUiOnsiJGlkIjoiMTMzIiwiTGluZUNvbG9yIjp7IiRpZCI6IjEzNCIsIiR0eXBlIjoiTkxSRS5Db21tb24uRG9tLlNvbGlkQ29sb3JCcnVzaCwgTkxSRS5Db21tb24iLCJDb2xvciI6eyIkaWQiOiIxMzUiLCJBIjoyNTUsIlIiOjQ3LCJHIjo4MiwiQiI6MTQz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SXNWaXNpYmxlIjp0cnVlLCJXaWR0aCI6MC4wLCJIZWlnaHQiOjAuMCwiQm9yZGVyU3R5bGUiOm51bGwsIlBhcmVudFN0eWxlIjpudWxsfX0seyIkaWQiOiIxMzgiLCJfcm93cyI6W10sIkluZGV4Ijo0LCJJZCI6IjMxNDZmNzFjLWU1OTAtNDA4NC04MDJkLTQwNjViYzJkY2ZiMyIsIkhlYWRlclRleHQiOm51bGwsIklzRGVmYXVsdCI6dHJ1ZSwi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bnVsbCwiSXNWaXNpYmxlIjpmYWxzZSwiV2lkdGgiOjAuMCwiSGVpZ2h0IjowLjAsIkJvcmRlclN0eWxlIjpudWxsLCJQYXJlbnRTdHlsZSI6bnVsbH0sIlJlY3Rhbmds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I1NSwiUiI6OTEsIkciOjE1NSwiQiI6MjEzfX0sIklzVmlzaWJsZSI6ZmFsc2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NYXJnaW4iOnsiJGlkIjoiMTgyIiwiVG9wIjowLjAsIkxlZnQiOjAuMCwiUmlnaHQiOjAuMCwiQm90dG9tIjowLjB9LCJQYWRkaW5nIjp7IiRpZCI6IjE4MyIsIlRvcCI6MC4wLCJMZWZ0IjowLjAsIlJpZ2h0IjowLjAsIkJvdHRvbSI6MC4wfSwiQmFja2dyb3VuZCI6bnVsbCwiSXNWaXNpYmxlIjp0cnVlLCJXaWR0aCI6MC4wLCJIZWlnaHQiOjAuMCwiQm9yZGVyU3R5bGUiOm51bGwsIlBhcmVudFN0eWxlIjpudWxsfSwiQmFja2dyb3VuZF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4OSwiUiI6MCwiRyI6MCwiQiI6MH19LCJJc1Zpc2libGUiOnRydWUsIldpZHRoIjowLjAsIkhlaWdodCI6MC4wLCJCb3JkZXJTdHlsZSI6bnVsbC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pZCI6IjIyOSIsIkEiOjAsIlIiOjI1NSwiRyI6MjU1LCJCIjoyNTV9fSwiSXNWaXNpYmxlIjp0cnVlLCJXaWR0aCI6MC4wLCJIZWlnaHQiOjAuMCwiQm9yZGVyU3R5bGUiOm51bGw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nsiJGlkIjoiMjM2IiwiQ29sb3IiOnsiJGlkIjoiMjM3IiwiQSI6MCwiUiI6MjU1LCJHIjoyNTUsIkIiOjI1NX19LCJJc1Zpc2libGUiOnRydW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LCJfZXhwbGljaXRseVNldCI6eyIkaWQiOiIy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xIiwiU2hhcGUiOjEsIkNvbm5lY3Rvck1hcmdpbiI6eyIkaWQiOiIyNDIiLCJUb3AiOjAuMCwiTGVmdCI6Mi4wLCJSaWdodCI6Mi4wLCJCb3R0b20iOjAuMH0sIkNvbm5lY3RvclN0eWxlIjp7IiRpZCI6IjI0MyIsIkxpbmVDb2xvciI6eyIkaWQiOiIyNDQiLCIkdHlwZSI6Ik5MUkUuQ29tbW9uLkRvbS5Tb2xpZENvbG9yQnJ1c2gsIE5MUkUuQ29tbW9uIiwiQ29sb3IiOnsiJGlkIjoiMjQ1IiwiQSI6MTI3LCJSIjo3OSwiRyI6MTI5LCJCIjoxODl9fSwiTGluZVdlaWdodCI6MS4wLCJMaW5lVHlwZSI6MCwiUGFyZW50U3R5bGUiOm51bGx9LCJJc0JlbG93VGltZWJhbmQiOnRydWUsIlBvc2l0aW9uT25UYXNrIjox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kxLCJHIjoxNTUsIkIiOjIxM319LCJJc1Zpc2libGUiOnRydWUsIldpZHRoIjoxOC4wLCJIZWlnaHQiOjIwLjAsIkJvcmRlclN0eWxlIjp7IiRpZCI6IjI1MiIsIkxpbmVDb2xvciI6eyIkaWQiOiIyNTMiLCIkdHlwZSI6Ik5MUkUuQ29tbW9uLkRvbS5Tb2xpZENvbG9yQnJ1c2gsIE5MUkUuQ29tbW9uIiwiQ29sb3IiOnsiJGlkIjoiMjU0IiwiQSI6MjU1LCJSIjoyMzQsIkciOjIyLCJCIjozMH1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AsIkZvcmVncm91bmQiOnsiJGlkIjoiMjU3IiwiQ29sb3IiOnsiJGlkIjoiMj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m51bGwsIlBhcmVudFN0eWxlIjpudWxsfSwiRGF0ZVN0eWxlIjp7IiRpZCI6IjI2MyIsIkZvbnRTZXR0aW5ncyI6eyIkaWQiOiIyNjQiLCJGb250U2l6ZSI6OS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cmVmIjoiMjYyIn19LCJJc1Zpc2libGUiOnRydWUsIldpZHRoIjowLjAsIkhlaWdodCI6MC4wLCJCb3JkZXJTdHlsZSI6bnVsbCwiUGFyZW50U3R5bGUiOm51bGx9LCJEYXRlRm9ybWF0Ijp7IiRpZCI6IjI3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3MSIsIkRhdGVQYXJ0SXNWaXNpYmxlIjp0cnVlLCJUaW1lUGFydElzVmlzaWJsZSI6ZmFsc2V9fSwiV2Vla051bWJlcmluZyI6eyIkaWQiOiIyNzIiLCJGb3JtYXQiOjAsIklzVmlzaWJsZSI6ZmFsc2UsIkxhc3RLbm93blZpc2liaWxpdHlTdGF0ZSI6ZmFsc2V9LCJJc1Zpc2libGUiOnRydWUsIlBhcmVudFN0eWxlIjpudWxsfSwiRGVmYXVsdFN3aW1sYW5lTWlsZXN0b25lU3R5bGUiOnsiJGlkIjoiMjczIiwiVGl0bGVQb3NpdGlvbiI6IlJpZ2h0IiwiRGF0ZVBvc2l0aW9uIjoiTGVmdCIsIlNoYXBlVHlwZSI6MSwiU2hhcGVTaXplIjoxLCJTcGFjaW5nIjo1LCJTaGFw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I1NSwiUiI6OTEsIkciOjE1NSwiQiI6MjEzfX0sIklzVmlzaWJsZSI6dHJ1ZSwiV2lkdGgiOjE4LjAsIkhlaWdodCI6MjAuMCwiQm9yZGVyU3R5bGUiOnsiJGlkIjoiMjc5IiwiTGluZUNvbG9yIjp7IiRpZCI6IjI4MCIsIiR0eXBlIjoiTkxSRS5Db21tb24uRG9tLlNvbGlkQ29sb3JCcnVzaCwgTkxSRS5Db21tb24iLCJDb2xvciI6eyIkaWQiOiIyODEiLCJBIjoyNTUsIlIiOjIzNCwiRyI6MjIsIkIiOjMwfX0sIkxpbmVXZWlnaHQiOjAuMCwiTGluZVR5cGUiOjAsIlBhcmVudFN0eWxlIjpudWxsfSwiUGFyZW50U3R5bGUiOm51bGx9LCJUaXRsZV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4OSwiUiI6MCwiRyI6MCwiQiI6MH19LCJJc1Zpc2libGUiOnRydWUsIldpZHRoIjowLjAsIkhlaWdodCI6MC4wLCJCb3JkZXJTdHlsZSI6bnVsbCwiUGFyZW50U3R5bGUiOm51bGx9LCJEYXRlU3R5bGUiOnsiJGlkIjoiMjkwIiwiRm9udFNldHRpbmdzIjp7IiRpZCI6IjI5MSIsIkZvbnRTaXplIjo5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udWxsLCJQYXJlbnRTdHlsZSI6bnVsbH0sIkRhdGVGb3JtYXQiOnsiJGlkIjoiMjk4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k5IiwiRGF0ZVBhcnRJc1Zpc2libGUiOnRydWUsIlRpbWVQYXJ0SXNWaXNpYmxlIjpmYWxzZX19LCJXZWVrTnVtYmVyaW5nIjp7IiRpZCI6IjMwMCIsIkZvcm1hdCI6MCwiSXNWaXNpYmxlIjpmYWxzZSwiTGFzdEtub3duVmlzaWJpbGl0eVN0YXRlIjpmYWxzZX0sIklzVmlzaWJsZSI6dHJ1ZSwiUGFyZW50U3R5bGUiOm51bGx9LCJEZWZhdWx0U3dpbWxhbmVBY3Rpdml0eVN0eWxlIjp7IiRpZCI6IjMwMSIsIkhlYWRlclN0eWxlIjp7IiRpZCI6IjMwMiIsIlRleHR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2MywiUiI6OTEsIkciOjE1NSwiQiI6MjEzfX0sIklzVmlzaWJsZSI6dHJ1ZSwiV2lkdGgiOjAuMCwiSGVpZ2h0IjowLjAsIkJvcmRlclN0eWxlIjpudWxsLCJQYXJlbnRTdHlsZSI6bnVsbH0sIlJlY3Rhbmds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YzLCJSIjo5MSwiRyI6MTU1LCJCIjoyMTN9fSwiSXNWaXNpYmxlIjp0cnVlLCJXaWR0aCI6MC4wLCJIZWlnaHQiOjAuMCwiQm9yZGVyU3R5bGUiOnsiJGlkIjoiMzE2IiwiTGluZUNvbG9yIjp7IiRpZCI6IjMxNyIsIiR0eXBlIjoiTkxSRS5Db21tb24uRG9tLlNvbGlkQ29sb3JCcnVzaCwgTkxSRS5Db21tb24iLCJDb2xvciI6eyIkaWQiOiIzMTgiLCJBIjoyNTUsIlIiOjQ3LCJHIjo4MiwiQiI6MTQzfX0sIkxpbmVXZWlnaHQiOjAuMCwiTGluZVR5cGUiOjAsIlBhcmVudFN0eWxlIjpudWxsfS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yZWYiOiIxNC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MjAifX0sIk1heFdpZHRoIjoyMDAuMCwiTWF4SGVpZ2h0IjoiSW5maW5pdHkiLCJTbWFydEZvcmVncm91bmRJc0FjdGl2ZSI6ZmFsc2UsIkhvcml6b250YWxBbGlnbm1lbnQiOjA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HJlZiI6IjIz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I2In0sIkxpbmVXZWlnaHQiOjEuMCwiTGluZVR5cGUiOjAsIlBhcmVudFN0eWxlIjpudWxsfSwiVmVydGljYWxDb25uZWN0b3JTdHlsZSI6eyIkaWQiOiIzNTI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wLCJSIjoyNTUsIkciOjI1NSwiQiI6MjU1fX0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SXNWaXNpYmxlIjp0cnVlLCJXaWR0aCI6MC4wLCJIZWlnaHQiOjAuMCwiQm9yZGVyU3R5bGUiOm51bGwsIlBhcmVudFN0eWxlIjpudWxsfX0seyIkaWQiOiI0MTIiLCJfcm93cyI6W3siJGlkIjoiNDEzIiwiX3Rhc2tzIjpbeyIkaWQiOiI0MTQiLCJfYXR0YWNoZWRNaWxlc3RvbmVzIjpbXSwiVGFza0RlZmluaXRpb24iOnsiJGlkIjoiNDE1IiwiR3JvdXBOYW1lIjpudWxsLCJTdGFydERhdGUiOiIyMDIzLTA0LTEyVDAwOjAwOjAwWiIsIkVuZERhdGUiOiIyMDIzLTA1LTI0VDAwOjAxOjAwIiwiUGVyY2VudGFnZUNvbXBsZXRlIjpudWxsLCJTdHlsZSI6eyIkaWQiOiI0MTYiLCJTaGFwZSI6My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yZWYiOiIxNCJ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MjAifX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HJlZiI6IjIz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I2In0sIkxpbmVXZWlnaHQiOjEuMCwiTGluZVR5cGUiOjAsIlBhcmVudFN0eWxlIjpudWxsfSwiVmVydGljYWxDb25uZWN0b3JTdHlsZSI6eyIkaWQiOiI0Mjk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cmVmIjoiMTQifSwiSXNWaXNpYmxlIjp0cnVlLCJXaWR0aCI6MC4wLCJIZWlnaHQiOjAuMCwiQm9yZGVyU3R5bGUiOnsiJGlkIjoiNDY4IiwiTGluZUNvbG9yIjpudWxsLCJMaW5lV2VpZ2h0IjowLjAsIkxpbmVUeXBlIjowLCJQYXJlbnRTdHlsZSI6bnVsbH0sIlBhcmVudFN0eWxlIjpudWxsfSwiRHVyYXRpb25TdHlsZSI6eyIkaWQiOiI0NjkiLCJGb250U2V0dGluZ3MiOnsiJGlkIjoiNDcwIiwiRm9udFNpemUiOjEwLCJGb250TmFtZSI6IkNhbGlicmkiLCJJc0JvbGQiOnRydW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I2In0sIkxpbmVXZWlnaHQiOjEuMCwiTGluZVR5cGUiOjAsIlBhcmVudFN0eWxlIjpudWxsfSwiVmVydGljYWxDb25uZWN0b3JTdHlsZSI6eyIkaWQiOiI0NzkiLCJMaW5lQ29sb3IiOnsiJHJlZiI6IjI5In0sIkxpbmVXZWlnaHQiOjAuMCwiTGluZVR5cGUiOjAsIlBhcmVudFN0eWxlIjpudWxsfSwiTWFyZ2luIjpudWxsLCJTdGFydERhdGVQb3NpdGlvbiI6MywiRW5kRGF0ZVBvc2l0aW9uIjo0LCJEYXRlSXNWaXNpYmxlIjp0cnVlLCJUaXRsZVBvc2l0aW9uIjoyLCJEdXJhdGlvblBvc2l0aW9uIjowLCJQZXJjZW50YWdlQ29tcGxldGVkUG9zaXRpb24iOjYsIlNwYWNpbmciOjU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2OCwiRyI6ODQsIkIiOjEwNn19LCJJc1Zpc2libGUiOnRydWUsIldpZHRoIjo1OTcuMCwiSGVpZ2h0IjoxMC4wLCJCb3JkZXJTdHlsZSI6eyIkaWQiOiI0ODUiLCJMaW5lQ29sb3IiOnsiJGlkIjoiNDg2IiwiJHR5cGUiOiJOTFJFLkNvbW1vbi5Eb20uU29saWRDb2xvckJydXNoLCBOTFJFLkNvbW1vbiIsIkNvbG9yIjp7IiRpZCI6IjQ4NyIsIkEiOjI1NSwiUiI6NDcsIkciOjgyLCJCIjoxNDN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yZWYiOiIyMyJ9LCJJc1Zpc2libGUiOnRydWUsIldpZHRoIjowLjAsIkhlaWdodCI6MC4wLCJCb3JkZXJTdHlsZSI6eyIkaWQiOiI1NTQiLCJMaW5lQ29sb3IiOm51bGwsIkxpbmVXZWlnaHQiOjAuMCwiTGluZVR5cGUiOjAsIlBhcmVudFN0eWxlIjpudWxsfSwiUGFyZW50U3R5bGUiOm51bGx9LCJIb3Jpem9udGFsQ29ubmVjdG9yU3R5bGUiOnsiJGlkIjoiNTU1IiwiTGluZUNvbG9yIjp7IiRyZWYiOiIyNiJ9LCJMaW5lV2VpZ2h0IjoxLjAsIkxpbmVUeXBlIjowLCJQYXJlbnRTdHlsZSI6bnVsbH0sIlZlcnRpY2FsQ29ubmVjdG9yU3R5bGUiOnsiJGlkIjoiNTU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Y4LCJHIjo4NCwiQiI6MTA2fX0sIklzVmlzaWJsZSI6dHJ1ZSwiV2lkdGgiOjEyOC4wLCJIZWlnaHQiOjEwLjAsIkJvcmRlclN0eWxlIjp7IiRpZCI6IjU2MiIsIkxpbmVDb2xvciI6eyIkaWQiOiI1NjMiLCIkdHlwZSI6Ik5MUkUuQ29tbW9uLkRvbS5Tb2xpZENvbG9yQnJ1c2gsIE5MUkUuQ29tbW9uIiwiQ29sb3IiOnsiJGlkIjoiNTY0IiwiQSI6MjU1LCJSIjo0NywiRyI6ODIsIkIiOjE0M3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jU1LCJHIjoyNTUsIkIiOjI1NX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cmVmIjoiMTUifX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HJlZiI6IjE0In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yMC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MjM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MjYifSwiTGluZVdlaWdodCI6MS4wLCJMaW5lVHlwZSI6MCwiUGFyZW50U3R5bGUiOm51bGx9LCJWZXJ0aWNhbENvbm5lY3RvclN0eWxlIjp7IiRpZCI6IjYw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V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HJlZiI6IjU4MCJ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HJlZiI6IjE0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yMCJ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cmVmIjoiMjM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jYifSwiTGluZVdlaWdodCI6MS4wLCJMaW5lVHlwZSI6MCwiUGFyZW50U3R5bGUiOm51bGx9LCJWZXJ0aWNhbENvbm5lY3RvclN0eWxlIjp7IiRpZCI6IjY0N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nsiJHJlZiI6IjU4MCJ9LCJJc1Zpc2libGUiOnRydWUsIldpZHRoIjowLjAsIkhlaWdodCI6MC4wLCJCb3JkZXJTdHlsZSI6eyIkaWQiOiI2NjkiLCJMaW5lQ29sb3IiOm51bGwsIkxpbmVXZWlnaHQiOjAuMCwiTGluZVR5cGUiOjAsIlBhcmVudFN0eWxlIjpudWxsfSwiUGFyZW50U3R5bGUiOm51bGx9LCJEYXRlRm9ybWF0Ijp7IiRpZCI6IjY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ksIkZvbnROYW1lIjoiQ2FsaWJyaSIsIklzQm9sZCI6ZmFsc2UsIklzSXRhbGljIjpmYWxzZSwiSXNVbmRlcmxpbmVkIjpmYWxzZSwiUGFyZW50U3R5bGUiOm51bGx9LCJBdXRvU2l6ZSI6MCwiRm9yZWdyb3VuZCI6eyIkaWQiOiI3MDIiLCJDb2xvciI6eyIkaWQiOiI3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mZhbHNlLCJXaWR0aCI6MC4wLCJIZWlnaHQiOjAuMCwiQm9yZGVyU3R5bGUiOnsiJGlkIjoiNzA4IiwiTGluZUNvbG9yIjpudWxsLCJMaW5lV2VpZ2h0IjowLjAsIkxpbmVUeXBlIjowLCJQYXJlbnRTdHlsZSI6bnVsbH0sIlBhcmVudFN0eWxlIjpudWxsfSwiRGF0ZUZvcm1hdCI6eyIkaWQiOiI3MD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NjgsIkciOjExNCwiQiI6MTk2fX0sIklzVmlzaWJsZSI6dHJ1ZSwiV2lkdGgiOjEyLjAsIkhlaWdodCI6MTQ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5LCJGb250TmFtZSI6IkNhbGlicmkiLCJJc0JvbGQiOmZhbHNlLCJJc0l0YWxpYyI6ZmFsc2UsIklzVW5kZXJsaW5lZCI6ZmFsc2UsIlBhcmVudFN0eWxlIjpudWxsfSwiQXV0b1NpemUiOjAsIkZvcmVncm91bmQiOnsiJGlkIjoiNzQwIiwiQ29sb3IiOnsiJGlkIjoiN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cmVmIjoiMjMifSwiSXNWaXNpYmxlIjp0cnVlLCJXaWR0aCI6MC4wLCJIZWlnaHQiOjAuMCwiQm9yZGVyU3R5bGUiOnsiJGlkIjoiNzYyIiwiTGluZUNvbG9yIjpudWxsLCJMaW5lV2VpZ2h0IjowLjAsIkxpbmVUeXBlIjowLCJQYXJlbnRTdHlsZSI6bnVsbH0sIlBhcmVudFN0eWxlIjpudWxsfSwiSG9yaXpvbnRhbENvbm5lY3RvclN0eWxlIjp7IiRpZCI6Ijc2MyIsIkxpbmVDb2xvciI6eyIkcmVmIjoiMjYifSwiTGluZVdlaWdodCI6MS4wLCJMaW5lVHlwZSI6MCwiUGFyZW50U3R5bGUiOm51bGx9LCJWZXJ0aWNhbENvbm5lY3RvclN0eWxlIjp7IiRpZCI6Ijc2NCIsIkxpbmVDb2xvciI6eyIkcmVmIjoiMjk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yNTUsIkciOjI1NSwiQiI6MjU1fX0sIklzVmlzaWJsZSI6dHJ1ZSwiV2lkdGgiOjAuMCwiSGVpZ2h0IjowLjAsIkJvcmRlclN0eWxlIjp7IiRpZCI6Ijc5MCIsIkxpbmVDb2xvciI6bnVsbCwiTGluZVdlaWdodCI6MC4wLCJMaW5lVHlwZSI6MCwiUGFyZW50U3R5bGUiOm51bGx9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AsIlIiOjI1NSwiRyI6MjU1LCJCIjoyNTV9fSwiSXNWaXNpYmxlIjp0cnVlLCJXaWR0aCI6MC4wLCJIZWlnaHQiOjAuMCwiQm9yZGVyU3R5bGUiOm51bGwsIlBhcmVudFN0eWxlIjpudWxsfSwiUmVjdGFuZ2xl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mZhbHNlLCJXaWR0aCI6MC4wLCJIZWlnaHQiOjAuMCwiQm9yZGVyU3R5bGUiOnsiJGlkIjoiODU5IiwiTGluZUNvbG9yIjpudWxsLCJMaW5lV2VpZ2h0IjowLjAsIkxpbmVUeXBlIjowLCJQYXJlbnRTdHlsZSI6bnVsbH0sIlBhcmVudFN0eWxlIjpudWxsfSwiRGF0ZUZvcm1hdCI6eyIkaWQiOiI4NjA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HJlZiI6IjIzIn0sIklzVmlzaWJsZSI6dHJ1ZSwiV2lkdGgiOjAuMCwiSGVpZ2h0IjowLjAsIkJvcmRlclN0eWxlIjp7IiRpZCI6Ijg3NyIsIkxpbmVDb2xvciI6bnVsbCwiTGluZVdlaWdodCI6MC4wLCJMaW5lVHlwZSI6MCwiUGFyZW50U3R5bGUiOm51bGx9LCJQYXJlbnRTdHlsZSI6bnVsbH0sIkhvcml6b250YWxDb25uZWN0b3JTdHlsZSI6eyIkaWQiOiI4NzgiLCJMaW5lQ29sb3IiOnsiJHJlZiI6IjI2In0sIkxpbmVXZWlnaHQiOjEuMCwiTGluZVR5cGUiOjAsIlBhcmVudFN0eWxlIjpudWxsfSwiVmVydGljYWxDb25uZWN0b3JTdHlsZSI6eyIkaWQiOiI4NzkiLCJMaW5lQ29sb3IiOnsiJHJlZiI6IjI5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TdHlsZSI6eyIkaWQiOiI4OTciLCJGb250U2V0dGluZ3MiOnsiJGlkIjoiODk4IiwiRm9udFNpemUiOjEwLCJGb250TmFtZSI6IkNhbGlicmkiLCJJc0JvbGQiOmZhbHNlLCJJc0l0YWxpYyI6ZmFsc2UsIklzVW5kZXJsaW5lZCI6ZmFsc2UsIlBhcmVudFN0eWxlIjpudWxsfSwiQXV0b1NpemUiOjAsIkZvcmVncm91bmQiOnsiJGlkIjoiODk5IiwiQ29sb3IiOnsiJGlkIjoiO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yZWYiOiI1ODAifSwiSXNWaXNpYmxlIjp0cnVlLCJXaWR0aCI6MC4wLCJIZWlnaHQiOjAuMCwiQm9yZGVyU3R5bGUiOnsiJGlkIjoiOTAzIiwiTGluZUNvbG9yIjpudWxsLCJMaW5lV2VpZ2h0IjowLjAsIkxpbmVUeXBlIjowLCJQYXJlbnRTdHlsZSI6bnVsbH0sIlBhcmVudFN0eWxlIjpudWxsfSwiRGF0ZUZvcm1hdCI6eyIkaWQiOiI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ZmFsc2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cmVmIjoiMjMifSwiSXNWaXNpYmxlIjp0cnVlLCJXaWR0aCI6MC4wLCJIZWlnaHQiOjAuMCwiQm9yZGVyU3R5bGUiOnsiJGlkIjoiOTYwIiwiTGluZUNvbG9yIjpudWxsLCJMaW5lV2VpZ2h0IjowLjAsIkxpbmVUeXBlIjowLCJQYXJlbnRTdHlsZSI6bnVsbH0sIlBhcmVudFN0eWxlIjpudWxsfSwiSG9yaXpvbnRhbENvbm5lY3RvclN0eWxlIjp7IiRpZCI6Ijk2MSIsIkxpbmVDb2xvciI6eyIkcmVmIjoiMjYifSwiTGluZVdlaWdodCI6MS4wLCJMaW5lVHlwZSI6MCwiUGFyZW50U3R5bGUiOm51bGx9LCJWZXJ0aWNhbENvbm5lY3RvclN0eWxlIjp7IiRpZCI6Ijk2MiIsIkxpbmVDb2xvciI6eyIkcmVmIjoiMj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yZWYiOiI1ODAifSwiSXNWaXNpYmxlIjp0cnVlLCJXaWR0aCI6MC4wLCJIZWlnaHQiOjAuMCwiQm9yZGVyU3R5bGUiOnsiJGlkIjoiOTg2IiwiTGluZUNvbG9yIjpudWxsLCJMaW5lV2VpZ2h0IjowLjAsIkxpbmVUeXBlIjowLCJQYXJlbnRTdHlsZSI6bnVsbH0sIlBhcmVudFN0eWxlIjpudWxsfSwiRGF0ZUZvcm1hdCI6eyIkaWQiOiI5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AsIlIiOjI1NSwiRyI6MjU1LCJCIjoyNTV9fSwiSXNWaXNpYmxlIjp0cnVlLCJXaWR0aCI6MC4wLCJIZWlnaHQiOjAuMCwiQm9yZGVyU3R5bGUiOm51bGwsIlBhcmVudFN0eWxlIjpudWxsfSwiUmVjdGFuZ2x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2MywiUiI6NjgsIkciOjg0LCJCIjoxMDZ9fSwiSXNWaXNpYmxlIjp0cnVlLCJXaWR0aCI6MC4wLCJIZWlnaHQiOjAuMCwiQm9yZGVyU3R5bGUiOnsiJGlkIjoiMTAwNiIsIkxpbmVDb2xvciI6eyIkaWQiOiIxMDA3IiwiJHR5cGUiOiJOTFJFLkNvbW1vbi5Eb20uU29saWRDb2xvckJydXNoLCBOTFJFLkNvbW1vbiIsIkNvbG9yIjp7IiRpZCI6IjEwMDgiLCJBIjoyNTUsIlIiOjQ3LCJHIjo4MiwiQiI6MTQzfX0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aWQiOiIxMD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c3IiwiVG9wIjowLjAsIkxlZnQiOjAuMCwiUmlnaHQiOjAuMCwiQm90dG9tIjowLjB9LCJQYWRkaW5nIjp7IiRpZCI6IjEwNzgiLCJUb3AiOjAuMCwiTGVmdCI6MC4wLCJSaWdodCI6MC4wLCJCb3R0b20iOjAuMH0sIkJhY2tncm91bmQiOnsiJGlkIjoiMTA3OSIsIkNvbG9yIjp7IiRpZCI6IjEwODAiLCJBIjo4OSwiUiI6MCwiRyI6MCwiQiI6MH19LCJJc1Zpc2libGUiOnRydWUsIldpZHRoIjowLjAsIkhlaWdodCI6MC4wLCJCb3JkZXJTdHlsZSI6bnVsbCwiUGFyZW50U3R5bGUiOm51bGx9LCJEdXJhdGlvbl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CwiUiI6MjU1LCJHIjoyNTUsIkIiOjI1NX19LCJJc1Zpc2libGUiOnRydWUsIldpZHRoIjowLjAsIkhlaWdodCI6MC4wLCJCb3JkZXJTdHlsZSI6bnVsbCwiUGFyZW50U3R5bGUiOm51bGx9LCJEYXR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AsIlIiOjI1NSwiRyI6MjU1LCJCIjoyNTV9fSwiSXNWaXNpYmxlIjp0cnVlLCJXaWR0aCI6MC4wLCJIZWlnaHQiOjAuMCwiQm9yZGVyU3R5bGUiOm51bGwsIlBhcmVudFN0eWxlIjpudWxsfSwiRGF0ZUZvcm1hdCI6eyIkaWQiOiIx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kiLCJGb3JtYXQiOjAsIklzVmlzaWJsZSI6ZmFsc2UsIkxhc3RLbm93blZpc2liaWxpdHlTdGF0ZSI6ZmFsc2V9LCJJc1Zpc2libGUiOnRydWUsIlBhcmVudFN0eWxlIjpudWxsLCJfZXhwbGljaXRseVNldCI6eyIkaWQiOiIxMT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jU1LCJSIjo2OCwiRyI6MTE0LCJCIjoxOTZ9fSwiSXNWaXNpYmxlIjp0cnVlLCJXaWR0aCI6MTIuMCwiSGVpZ2h0IjoxNC4wLCJCb3JkZXJTdHlsZSI6eyIkaWQiOiIxMTMyIiwiTGluZUNvbG9yIjp7IiRpZCI6IjExMzMiLCIkdHlwZSI6Ik5MUkUuQ29tbW9uLkRvbS5Tb2xpZENvbG9yQnJ1c2gsIE5MUkUuQ29tbW9uIiwiQ29sb3IiOnsiJGlkIjoiMTEzNCIsIkEiOjI1NSwiUiI6MjM0LCJHIjoyMiwiQiI6MzB9fSwiTGluZVdlaWdodCI6MC4wLCJMaW5lVHlwZSI6MCwiUGFyZW50U3R5bGUiOm51bGx9LCJQYXJlbnRTdHlsZSI6bnVsbH0sIlRpdGx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zOSIsIlRvcCI6MC4wLCJMZWZ0IjowLjAsIlJpZ2h0IjowLjAsIkJvdHRvbSI6MC4wfSwiUGFkZGluZyI6eyIkaWQiOiIxMTQwIiwiVG9wIjowLjAsIkxlZnQiOjAuMCwiUmlnaHQiOjAuMCwiQm90dG9tIjowLjB9LCJCYWNrZ3JvdW5kIjp7IiRpZCI6IjExNDEiLCJDb2xvciI6eyIkaWQiOiIxMTQyIiwiQSI6MCwiUiI6MjU1LCJHIjoyNTUsIkIiOjI1NX19LCJJc1Zpc2libGUiOnRydWUsIldpZHRoIjowLjAsIkhlaWdodCI6MC4wLCJCb3JkZXJTdHlsZSI6bnVsbCwiUGFyZW50U3R5bGUiOm51bGx9LCJEYXRlU3R5bGUiOnsiJGlkIjoiMTE0MyIsIkZvbnRTZXR0aW5ncyI6eyIkaWQiOiIxMTQ0IiwiRm9udFNpemUiOjk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mZhbHNlLCJXaWR0aCI6MC4wLCJIZWlnaHQiOjAuMCwiQm9yZGVyU3R5bGUiOm51bGwsIlBhcmVudFN0eWxlIjpudWxsfSwiRGF0ZUZvcm1hdCI6eyIkaWQiOiIxMTU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g5LCJSIjowLCJHIjowLCJCIjowfX0sIklzVmlzaWJsZSI6dHJ1ZSwiV2lkdGgiOjAuMCwiSGVpZ2h0IjowLjAsIkJvcmRlclN0eWxlIjpudWxsLCJQYXJlbnRTdHlsZSI6bnVsbH0sIkRhdGVTdHlsZSI6eyIkaWQiOiIxMTcxIiwiRm9udFNldHRpbmdzIjp7IiRpZCI6IjExNzIiLCJGb250U2l6ZSI6OSwiRm9udE5hbWUiOiJDYWxpYnJpIiwiSXNCb2xkIjpmYWxzZSwiSXNJdGFsaWMiOmZhbHNlLCJJc1VuZGVybGluZWQiOmZhbHNlLCJQYXJlbnRTdHlsZSI6bnVsbH0sIkF1dG9TaXplIjowLCJGb3JlZ3JvdW5kIjp7IiRpZCI6IjExNzMiLCJDb2xvciI6eyIkaWQiOiIxM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bnVsbCwiUGFyZW50U3R5bGUiOm51bGx9LCJEYXRlRm9ybWF0Ijp7IiRpZCI6IjExN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RGVmYXVsdFN3aW1sYW5lQWN0aXZpdHlTdHlsZSI6eyIkaWQiOiIxMTgyIiwiSGVhZGVyU3R5bGUiOnsiJGlkIjoiMTE4MyIsIlRleHR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IzMCIsIkNvbG9yIjp7IiRpZCI6IjEyMzEiLCJBIjowLCJSIjoyNTUsIkciOjI1NSwiQiI6MjU1fX0sIklzVmlzaWJsZSI6dHJ1ZSwiV2lkdGgiOjAuMCwiSGVpZ2h0IjowLjAsIkJvcmRlclN0eWxlIjpudWxsLCJQYXJlbnRTdHlsZSI6bnVsbH0sIkRhdGVTdHlsZSI6eyIkaWQiOiIxMjMyIiwiRm9udFNldHRpbmdzIjp7IiRpZCI6IjEyMzMiLCJGb250U2l6ZSI6OSwiRm9udE5hbWUiOiJDYWxpYnJpIiwiSXNCb2xkIjpmYWxzZSwiSXNJdGFsaWMiOmZhbHNlLCJJc1VuZGVybGluZWQiOmZhbHNlLCJQYXJlbnRTdHlsZSI6bnVsbH0sIkF1dG9TaXplIjowLCJGb3JlZ3JvdW5kIjp7IiRpZCI6IjEyMzQiLCJDb2xvciI6eyIkaWQiOiIx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yMzYiLCJDb2xvciI6eyIkaWQiOiIxMjM3IiwiQSI6MCwiUiI6MjU1LCJHIjoyNTUsIkIiOjI1NX19LCJJc1Zpc2libGUiOnRydWUsIldpZHRoIjowLjAsIkhlaWdodCI6MC4wLCJCb3JkZXJTdHlsZSI6bnVsbCwiUGFyZW50U3R5bGUiOm51bGx9LCJEYXRlRm9ybWF0Ijp7IiRpZCI6IjEyMzg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yNTMiLCJDb2xvciI6eyIkaWQiOiIxMjU0IiwiQSI6MCwiUiI6MjU1LCJHIjoyNTUsIkIiOjI1NX19LCJJc1Zpc2libGUiOnRydWUsIldpZHRoIjowLjAsIkhlaWdodCI6MC4wLCJCb3JkZXJTdHlsZSI6bnVsbCwiUGFyZW50U3R5bGUiOm51bGx9LCJEYXRlU3R5bGUiOnsiJGlkIjoiMTI1NSIsIkZvbnRTZXR0aW5ncyI6eyIkaWQiOiIxMjU2IiwiRm9udFNpemUiOjksIkZvbnROYW1lIjoiQ2FsaWJyaSIsIklzQm9sZCI6ZmFsc2UsIklzSXRhbGljIjpmYWxzZSwiSXNVbmRlcmxpbmVkIjpmYWxzZSwiUGFyZW50U3R5bGUiOm51bGx9LCJBdXRvU2l6ZSI6MCwiRm9yZWdyb3VuZCI6eyIkaWQiOiIxMjU3IiwiQ29sb3IiOnsiJGlkIjoiMTI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jU5IiwiQ29sb3IiOnsiJGlkIjoiMTI2MCIsIkEiOjAsIlIiOjI1NSwiRyI6MjU1LCJCIjoyNTV9fSwiSXNWaXNpYmxlIjp0cnVlLCJXaWR0aCI6MC4wLCJIZWlnaHQiOjAuMCwiQm9yZGVyU3R5bGUiOm51bGwsIlBhcmVudFN0eWxlIjpudWxsfSwiRGF0ZUZvcm1hdCI6eyIkaWQiOiIxMjY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GlkIjoiMTI3MiIsIkNvbG9yIjp7IiRpZCI6IjEyNzMiLCJBIjowLCJSIjoyNTUsIkciOjI1NSwiQiI6MjU1fX0sIklzVmlzaWJsZSI6dHJ1ZSwiV2lkdGgiOjAuMCwiSGVpZ2h0IjowLjAsIkJvcmRlclN0eWxlIjpudWxsLCJQYXJlbnRTdHlsZSI6bnVsbH0sIlJlY3RhbmdsZV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zMDgiLCJDb2xvciI6eyIkaWQiOiIxMzA5IiwiQSI6MCwiUiI6MjU1LCJHIjoyNTUsIkIiOjI1NX19LCJJc1Zpc2libGUiOnRydWUsIldpZHRoIjowLjAsIkhlaWdodCI6MC4wLCJCb3JkZXJTdHlsZSI6bnVsbCwiUGFyZW50U3R5bGUiOm51bGx9LCJEYXRlU3R5bGUiOnsiJGlkIjoiMTMxMCIsIkZvbnRTZXR0aW5ncyI6eyIkaWQiOiIxMzExIiwiRm9udFNpemUiOjksIkZvbnROYW1lIjoiQ2FsaWJyaSIsIklzQm9sZCI6ZmFsc2UsIklzSXRhbGljIjpmYWxzZSwiSXNVbmRlcmxpbmVkIjpmYWxzZSwiUGFyZW50U3R5bGUiOm51bGx9LCJBdXRvU2l6ZSI6MCwiRm9yZWdyb3VuZCI6eyIkaWQiOiIxMzEyIiwiQ29sb3IiOnsiJGlkIjoiMT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zE0IiwiQ29sb3IiOnsiJGlkIjoiMTMxNSIsIkEiOjAsIlIiOjI1NSwiRyI6MjU1LCJCIjoyNTV9fSwiSXNWaXNpYmxlIjp0cnVlLCJXaWR0aCI6MC4wLCJIZWlnaHQiOjAuMCwiQm9yZGVyU3R5bGUiOm51bGwsIlBhcmVudFN0eWxlIjpudWxsfSwiRGF0ZUZvcm1hdCI6eyIkaWQiOiIxMzE2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MzMSIsIkNvbG9yIjp7IiRpZCI6IjEzMzIiLCJBIjowLCJSIjoyNTUsIkciOjI1NSwiQiI6MjU1fX0sIklzVmlzaWJsZSI6dHJ1ZSwiV2lkdGgiOjAuMCwiSGVpZ2h0IjowLjAsIkJvcmRlclN0eWxlIjpudWxsLCJQYXJlbnRTdHlsZSI6bnVsbH0sIkRhdGVTdHlsZSI6eyIkaWQiOiIxMzMzIiwiRm9udFNldHRpbmdzIjp7IiRpZCI6IjEzMzQiLCJGb250U2l6ZSI6OSwiRm9udE5hbWUiOiJDYWxpYnJpIiwiSXNCb2xkIjpmYWxzZSwiSXNJdGFsaWMiOmZhbHNlLCJJc1VuZGVybGluZWQiOmZhbHNlLCJQYXJlbnRTdHlsZSI6bnVsbH0sIkF1dG9TaXplIjowLCJGb3JlZ3JvdW5kIjp7IiRpZCI6IjEzMzUiLCJDb2xvciI6eyIkaWQiOiIx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zMzciLCJDb2xvciI6eyIkaWQiOiIxMzM4IiwiQSI6MCwiUiI6MjU1LCJHIjoyNTUsIkIiOjI1NX19LCJJc1Zpc2libGUiOnRydWUsIldpZHRoIjowLjAsIkhlaWdodCI6MC4wLCJCb3JkZXJTdHlsZSI6bnVsbCwiUGFyZW50U3R5bGUiOm51bGx9LCJEYXRlRm9ybWF0Ijp7IiRpZCI6IjEzM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aWQiOiIxMzUxIiwiQSI6MCwiUiI6MjU1LCJHIjoyNTUsIkIiOjI1NX19LCJJc1Zpc2libGUiOnRydWUsIldpZHRoIjowLjAsIkhlaWdodCI6MC4wLCJCb3JkZXJTdHlsZSI6bnVsbCwiUGFyZW50U3R5bGUiOm51bGx9LCJSZWN0YW5nb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g5LCJSIjowLCJHIjowLCJCIjowfX0sIklzVmlzaWJsZSI6dHJ1ZSwiV2lkdGgiOjAuMCwiSGVpZ2h0IjowLjAsIkJvcmRlclN0eWxlIjpudWxsLCJQYXJlbnRTdHlsZSI6bnVsbH0sIkR1cmF0aW9uU3R5bGUiOnsiJGlkIjoiMTQzMiIsIkZvbnRTZXR0aW5ncyI6eyIkaWQiOiIxNDMzIiwiRm9udFNpemUiOjEwLCJGb250TmFtZSI6IkNhbGlicmkiLCJJc0JvbGQiOmZhbHNlLCJJc0l0YWxpYyI6ZmFsc2UsIklzVW5kZXJsaW5lZCI6ZmFsc2UsIlBhcmVudFN0eWxlIjpudWxsfSwiQXV0b1NpemUiOjAsIkZvcmVncm91bmQiOnsiJGlkIjoiMTQzNCIsIkNvbG9yIjp7IiRpZCI6IjE0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cmVmIjoiMTQzMSJ9fSwiSXNWaXNpYmxlIjp0cnVlLCJXaWR0aCI6MC4wLCJIZWlnaHQiOjAuMCwiQm9yZGVyU3R5bGUiOm51bGwsIlBhcmVudFN0eWxlIjpudWxsfSwiRGF0ZVN0eWxlIjp7IiRpZCI6IjE0NjAiLCJGb250U2V0dGluZ3MiOnsiJGlkIjoiMTQ2MSIsIkZvbnRTaXplIjoxMCwiRm9udE5hbWUiOiJDYWxpYnJpIiwiSXNCb2xkIjpmYWxzZSwiSXNJdGFsaWMiOmZhbHNlLCJJc1VuZGVybGluZWQiOmZhbHNlLCJQYXJlbnRTdHlsZSI6bnVsbH0sIkF1dG9TaXplIjowLCJGb3JlZ3JvdW5kIjp7IiRpZCI6IjE0NjIiLCJDb2xvciI6eyIkaWQiOiIx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MxIn19LCJJc1Zpc2libGUiOnRydWUsIldpZHRoIjowLjAsIkhlaWdodCI6MC4wLCJCb3JkZXJTdHlsZSI6bnVsbCwiUGFyZW50U3R5bGUiOm51bGx9LCJEYXRlRm9ybWF0Ijp7IiRpZCI6IjE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OCIsIkZvcm1hdCI6MCwiSXNWaXNpYmxlIjpmYWxzZSwiTGFzdEtub3duVmlzaWJpbGl0eVN0YXRlIjpmYWxzZX0sIklzVmlzaWJsZSI6dHJ1ZSwiUGFyZW50U3R5bGUiOm51bGwsIl9leHBsaWNpdGx5U2V0Ijp7IiRpZCI6IjE0N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k2IiwiVG9wIjowLjAsIkxlZnQiOjAuMCwiUmlnaHQiOjAuMCwiQm90dG9tIjowLjB9LCJQYWRkaW5nIjp7IiRpZCI6IjE0OTciLCJUb3AiOjAuMCwiTGVmdCI6MC4wLCJSaWdodCI6MC4wLCJCb3R0b20iOjAuMH0sIkJhY2tncm91bmQiOnsiJGlkIjoiMTQ5OCIsIkNvbG9yIjp7IiRyZWYiOiIxNDkxIn19LCJJc1Zpc2libGUiOnRydWUsIldpZHRoIjowLjAsIkhlaWdodCI6MC4wLCJCb3JkZXJTdHlsZSI6bnVsbCwiUGFyZW50U3R5bGUiOm51bGx9LCJEYXRlRm9ybWF0Ijp7IiRpZCI6IjE0OT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UaXRsZVN0eWxlIjp7IiRpZCI6IjE1MTEiLCJGb250U2V0dGluZ3MiOnsiJGlkIjoiMTUxMiIsIkZvbnRTaXplIjoxMSwiRm9udE5hbWUiOiJDYWxpYnJpIiwiSXNCb2xkIjpmYWxzZSwiSXNJdGFsaWMiOmZhbHNlLCJJc1VuZGVybGluZWQiOmZhbHNlLCJQYXJlbnRTdHlsZSI6bnVsbH0sIkF1dG9TaXplIjowLCJGb3JlZ3JvdW5kIjp7IiRpZCI6IjE1MTMiLCJDb2xvciI6eyIkaWQiOiIxNTE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MiLCJUb3AiOjAuMCwiTGVmdCI6MC4wLCJSaWdodCI6MC4wLCJCb3R0b20iOjAuMH0sIlBhZGRpbmciOnsiJGlkIjoiMTUyNCIsIlRvcCI6MC4wLCJMZWZ0IjowLjAsIlJpZ2h0IjowLjAsIkJvdHRvbSI6MC4wfSwiQmFja2dyb3VuZCI6eyIkaWQiOiIxNTI1IiwiQ29sb3IiOnsiJGlkIjoiMTUyNiIsIkEiOjAsIlIiOjI1NSwiRyI6MjU1LCJCIjoyNTV9fSwiSXNWaXNpYmxlIjp0cnVlLCJXaWR0aCI6MC4wLCJIZWlnaHQiOjAuMCwiQm9yZGVyU3R5bGUiOm51bGwsIlBhcmVudFN0eWxlIjpudWxsfSwiRGF0ZUZvcm1hdCI6eyIkaWQiOiIxNTI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M2IiwiVG9wIjowLjAsIkxlZnQiOjAuMCwiUmlnaHQiOjAuMCwiQm90dG9tIjowLjB9LCJQYWRkaW5nIjp7IiRpZCI6IjE1MzciLCJUb3AiOjAuMCwiTGVmdCI6MC4wLCJSaWdodCI6MC4wLCJCb3R0b20iOjAuMH0sIkJhY2tncm91bmQiOnsiJGlkIjoiMTUzOCIsIkNvbG9yIjp7IiRpZCI6IjE1MzkiLCJBIjowLCJSIjoyNTUsIkciOjI1NSwiQiI6MjU1fX0sIklzVmlzaWJsZSI6dHJ1ZSwiV2lkdGgiOjAuMCwiSGVpZ2h0IjowLjAsIkJvcmRlclN0eWxlIjpudWxsLCJQYXJlbnRTdHlsZSI6bnVsbH0sIlJlY3Rhbmds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MyIsIlRvcCI6MC4wLCJMZWZ0IjowLjAsIlJpZ2h0IjowLjAsIkJvdHRvbSI6MC4wfSwiUGFkZGluZyI6eyIkaWQiOiIxNjg0IiwiVG9wIjowLjAsIkxlZnQiOjAuMCwiUmlnaHQiOjAuMCwiQm90dG9tIjowLjB9LCJCYWNrZ3JvdW5kIjp7IiRpZCI6IjE2ODUiLCJDb2xvciI6eyIkaWQiOiIxNjg2IiwiQSI6MCwiUiI6MjU1LCJHIjoyNTUsIkIiOjI1NX19LCJJc1Zpc2libGUiOnRydWUsIldpZHRoIjowLjAsIkhlaWdodCI6MC4wLCJCb3JkZXJTdHlsZSI6bnVsbCwiUGFyZW50U3R5bGUiOm51bGx9LCJEYXRlRm9ybWF0Ijp7IiRpZCI6IjE2ODc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wLCJSIjoyNTUsIkciOjI1NSwiQiI6MjU1fX0sIklzVmlzaWJsZSI6dHJ1ZSwiV2lkdGgiOjAuMCwiSGVpZ2h0IjowLjAsIkJvcmRlclN0eWxlIjpudWxsLCJQYXJlbnRTdHlsZSI6bnVsbH0sIkRhdGVTdHlsZSI6eyIkaWQiOiIxNzEyIiwiRm9udFNldHRpbmdzIjp7IiRpZCI6IjE3MTMiLCJGb250U2l6ZSI6OSwiRm9udE5hbWUiOiJDYWxpYnJpIiwiSXNCb2xkIjpmYWxzZSwiSXNJdGFsaWMiOmZhbHNlLCJJc1VuZGVybGluZWQiOmZhbHNlLCJQYXJlbnRTdHlsZSI6bnVsbH0sIkF1dG9TaXplIjowLCJGb3JlZ3JvdW5kIjp7IiRpZCI6IjE3MTQiLCJDb2xvciI6eyIkaWQiOiIxNz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E2IiwiVG9wIjowLjAsIkxlZnQiOjAuMCwiUmlnaHQiOjAuMCwiQm90dG9tIjowLjB9LCJQYWRkaW5nIjp7IiRpZCI6IjE3MTciLCJUb3AiOjAuMCwiTGVmdCI6MC4wLCJSaWdodCI6MC4wLCJCb3R0b20iOjAuMH0sIkJhY2tncm91bmQiOnsiJGlkIjoiMTcxOCIsIkNvbG9yIjp7IiRpZCI6IjE3MTkiLCJBIjowLCJSIjoyNTUsIkciOjI1NSwiQiI6MjU1fX0sIklzVmlzaWJsZSI6dHJ1ZSwiV2lkdGgiOjAuMCwiSGVpZ2h0IjowLjAsIkJvcmRlclN0eWxlIjpudWxsLCJQYXJlbnRTdHlsZSI6bnVsbH0sIkRhdGVGb3JtYXQiOnsiJGlkIjoiMTcy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cmVmIjoiMTQifSwiSXNWaXNpYmxlIjp0cnVlLCJXaWR0aCI6MC4wLCJIZWlnaHQiOjAuMCwiQm9yZGVyU3R5bGUiOm51bGwsIlBhcmVudFN0eWxlIjpudWxsfSwiRHVyYXRpb25TdHlsZSI6eyIkaWQiOiIxNzI4IiwiRm9udFNldHRpbmdzIjp7IiRpZCI6IjE3MjkiLCJGb250U2l6ZSI6MTAsIkZvbnROYW1lIjoiQ2FsaWJyaSIsIklzQm9sZCI6ZmFsc2UsIklzSXRhbGljIjpmYWxzZSwiSXNVbmRlcmxpbmVkIjpmYWxzZSwiUGFyZW50U3R5bGUiOm51bGx9LCJBdXRvU2l6ZSI6MCwiRm9yZWdyb3VuZCI6eyIkaWQiOiIxNzMwIiwiQ29sb3IiOnsiJHJlZiI6IjIwIn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HJlZiI6IjIzIn0sIklzVmlzaWJsZSI6dHJ1ZSwiV2lkdGgiOjAuMCwiSGVpZ2h0IjowLjAsIkJvcmRlclN0eWxlIjpudWxsLCJQYXJlbnRTdHlsZSI6bnVsbH0sIkhvcml6b250YWxDb25uZWN0b3JTdHlsZSI6eyIkaWQiOiIxNzMzIiwiTGluZUNvbG9yIjp7IiRyZWYiOiIyNiJ9LCJMaW5lV2VpZ2h0IjoxLjAsIkxpbmVUeXBlIjowLCJQYXJlbnRTdHlsZSI6bnVsbH0sIlZlcnRpY2FsQ29ubmVjdG9yU3R5bGUiOnsiJGlkIjoiMTczNC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HJlZiI6IjU4MCJ9LCJJc1Zpc2libGUiOnRydWUsIldpZHRoIjowLjAsIkhlaWdodCI6MC4wLCJCb3JkZXJTdHlsZSI6bnVsbCwiUGFyZW50U3R5bGUiOm51bGx9LCJEYXRlRm9ybWF0Ijp7IiRpZCI6IjE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UGFyZW50U3R5bGUiOm51bGwsIl9leHBsaWNpdGx5U2V0Ijp7IiRpZCI6IjE3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pZCI6IjE3ODIiLCJBIjo4OSwiUiI6MCwiRyI6MCwiQiI6MH19LCJJc1Zpc2libGUiOnRydWUsIldpZHRoIjowLjAsIkhlaWdodCI6MC4wLCJCb3JkZXJTdHlsZSI6bnVsbCwiUGFyZW50U3R5bGUiOm51bGx9LCJEYXRlRm9ybWF0Ijp7IiRpZCI6IjE3ODM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QmFja2dyb3VuZF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HJlZiI6IjI4OCJ9LCJJc1Zpc2libGUiOnRydWUsIldpZHRoIjowLjAsIkhlaWdodCI6MC4wLCJCb3JkZXJTdHlsZSI6bnVsbCwiUGFyZW50U3R5bGUiOm51bGx9LCJEYXRlU3R5bGUiOnsiJGlkIjoiMTg2MiIsIkZvbnRTZXR0aW5ncyI6eyIkaWQiOiIxODYzIiwiRm9udFNpemUiOjk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AsIlIiOjI1NSwiRyI6MjU1LCJCIjoyNTV9fSwiSXNWaXNpYmxlIjp0cnVlLCJXaWR0aCI6MC4wLCJIZWlnaHQiOjAuMCwiQm9yZGVyU3R5bGUiOnsiJGlkIjoiMjA1MiIsIkxpbmVDb2xvciI6bnVsbCwiTGluZVdlaWdodCI6MC4wLCJMaW5lVHlwZSI6MCwiUGFyZW50U3R5bGUiOm51bGx9LCJQYXJlbnRTdHlsZSI6bnVsbH0sIkRhdGVGb3JtYXQiOnsiJGlkIjoiMjA1My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NTQiLCJEYXRlUGFydElzVmlzaWJsZSI6dHJ1ZSwiVGltZVBhcnRJc1Zpc2libGUiOmZhbHNlfX0sIldlZWtOdW1iZXJpbmciOnsiJGlkIjoiMjA1NSIsIkZvcm1hdCI6MCwiSXNWaXNpYmxlIjpmYWxzZSwiTGFzdEtub3duVmlzaWJpbGl0eVN0YXRlIjpmYWxzZX0sIklzVmlzaWJsZSI6dHJ1ZSwiUGFyZW50U3R5bGUiOm51bGx9LCJJbmRleCI6MCwiUGVyY2VudGFnZUNvbXBsZXRlIjpudWxsLCJQb3NpdGlvbiI6eyJSYXRpbyI6MC4wLCJJc0N1c3RvbSI6ZmFsc2V9LCJEYXRlRm9ybWF0Ijp7IiRyZWYiOiIyMDUzIn0sIldlZWtOdW1iZXJpbmciOnsiJGlkIjoiMjA1Ni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zIiwiVG9wIjowLjAsIkxlZnQiOjAuMCwiUmlnaHQiOjAuMCwiQm90dG9tIjowLjB9LCJQYWRkaW5nIjp7IiRpZCI6IjIxNTQiLCJUb3AiOjAuMCwiTGVmdCI6MC4wLCJSaWdodCI6MC4wLCJCb3R0b20iOjAuMH0sIkJhY2tncm91bmQiOnsiJGlkIjoiMjE1NSIsIkNvbG9yIjp7IiRpZCI6IjIxNTYiLCJBIjowLCJSIjoyNTUsIkciOjI1NSwiQiI6MjU1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ksIkZvbnROYW1lIjoiQ2FsaWJyaSIsIklzQm9sZCI6ZmFsc2UsIklzSXRhbGljIjpmYWxzZSwiSXNVbmRlcmxpbmVkIjpmYWxzZSwiUGFyZW50U3R5bGUiOm51bGx9LCJBdXRvU2l6ZSI6MCwiRm9yZWdyb3VuZCI6eyIkaWQiOiIyMTYwIiwiQ29sb3IiOnsiJGlkIjoiM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CwiUiI6MjU1LCJHIjoyNTUsIkIiOjI1NX19LCJJc1Zpc2libGUiOnRydWUsIldpZHRoIjowLjAsIkhlaWdodCI6MC4wLCJCb3JkZXJTdHlsZSI6eyIkaWQiOiIyMTY2IiwiTGluZUNvbG9yIjpudWxsLCJMaW5lV2VpZ2h0IjowLjAsIkxpbmVUeXBlIjowLCJQYXJlbnRTdHlsZSI6bnVsbH0sIlBhcmVudFN0eWxlIjpudWxsfSwiRGF0ZUZvcm1hdCI6eyIkaWQiOiIyMTY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EyNCxcIkdcIjoxMjQsXCJCXCI6MTI0fX0sXCJJc1Zpc2libGVcIjp0cnVlLFwiV2lkdGhcIjo4NTguMCxcIkhlaWdodFwiOjE0LjM5OTk5OTYxODUzMDI3MyxcIkJvcmRlclN0eWxlXCI6bnVsbH0sXCJCb3R0b21UaW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lwiLFwiVG9wXCI6MC4wLFwiTGVmdFwiOjAuMCxcIlJpZ2h0XCI6MC4wLFwiQm90dG9tXCI6MC4wfSxcIlBhZGRpbmdcIjp7XCIkaWRcIjpcIjQzXCIsXCJUb3BcIjowLjAsXCJMZWZ0XCI6MC4wLFwiUmlnaHRcIjowLjAsXCJCb3R0b21cIjowLjB9LFwiQmFja2dyb3VuZFwiOntcIiRpZFwiOlwiNDRcIixcIkNvbG9yXCI6e1wiJHJlZlwiOlwiMzBcIn19LFwiSXNWaXNpYmxlXCI6dHJ1ZSxcIldpZHRoXCI6MC4wLFwiSGVpZ2h0XCI6MC4wLFwiQm9yZGVyU3R5bGVcIjpudWxsfSxcIlRvZGF5TWFya2VyU3R5bGVcIjp7XCIkaWRcIjpcIjQ1XCI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HJlZlwiOlwiMzBcIn19LFwiSXNWaXNpYmxlXCI6dHJ1ZSxcIldpZHRoXCI6MC4wLFwiSGVpZ2h0XCI6MC4wLFwiQm9yZGVyU3R5bGVcIjpudWxsfSxcIkRhdGVTdHlsZVwiOntcIiRpZFwiOlwiOTdcIixcIkZvbnRTZXR0aW5nc1wiOntcIiRpZFwiOlwiOThcIixcIkZvbnRTaXplXCI6OSxcIkZvbnROYW1lXCI6XCJDYWxpYnJpXCIsXCJJc0JvbGRcIjpmYWxzZSxcIklzSXRhbGljXCI6ZmFsc2UsXCJJc1VuZGVybGluZWRcIjpmYWxzZX0sXCJBdXRvU2l6ZVwiOjAsXCJGb3JlZ3JvdW5kXCI6e1wiJGlkXCI6XCI5OVwiLFwiQ29sb3JcIjp7XCIkaWRcIjpcIjEw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XCIsXCJUb3BcIjowLjAsXCJMZWZ0XCI6MC4wLFwiUmlnaHRcIjowLjAsXCJCb3R0b21cIjowLjB9LFwiUGFkZGluZ1wiOntcIiRpZFwiOlwiMTAyXCIsXCJUb3BcIjowLjAsXCJMZWZ0XCI6MC4wLFwiUmlnaHRcIjowLjAsXCJCb3R0b21cIjowLjB9LFwiQmFja2dyb3VuZFwiOntcIiRpZFwiOlwiMTAzXCIsXCJDb2xvclwiOntcIiRyZWZcIjpcIjMwXCJ9fSxcIklzVmlzaWJsZVwiOnRydWUsXCJXaWR0aFwiOjAuMCxcIkhlaWdodFwiOjAuMCxcIkJvcmRlclN0eWxlXCI6bnVsbH0sXCJEYXRlRm9ybWF0XCI6e1wiJGlkXCI6XCIxM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2XCIsXCJUb3BcIjowLjAsXCJMZWZ0XCI6MC4wLFwiUmlnaHRcIjowLjAsXCJCb3R0b21cIjowLjB9LFwiUGFkZGluZ1wiOntcIiRpZFwiOlwiMTQ3XCIsXCJUb3BcIjowLjAsXCJMZWZ0XCI6MC4wLFwiUmlnaHRcIjowLjAsXCJCb3R0b21cIjowLjB9LFwiQmFja2dyb3VuZFwiOntcIiRpZFwiOlwiMTQ4XCIsXCJDb2xvclwiOntcIiRyZWZcIjpcIjMwXCJ9fSxcIklzVmlzaWJsZVwiOnRydWUsXCJXaWR0aFwiOjAuMCxcIkhlaWdodFwiOjAuMCxcIkJvcmRlclN0eWxlXCI6bnVsbH0sXCJEYXRlRm9ybWF0XCI6e1wiJGlkXCI6XCIx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aWRcIjpcIjE4MlwiLFwiQVwiOjAsXCJSXCI6MjU1LFwiR1wiOjI1NSxcIkJcIjoyNTV9fSxcIklzVmlzaWJsZVwiOnRydWUsXCJXaWR0aFwiOjAuMCxcIkhlaWdodFwiOjAuMCxcIkJvcmRlclN0eWxlXCI6e1wiJGlkXCI6XCIxODNcIixcIkxpbmVDb2xvclwiOm51bGwsXCJMaW5lV2VpZ2h0XCI6MC4wLFwiTGluZVR5cGVcIjowfX0sXCJEYXRlRm9ybWF0XCI6e1wiJGlkXCI6XCIxO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wLFwiUlwiOjI1NSxcIkdcIjoyNTUsXCJCXCI6MjU1fX0sXCJJc1Zpc2libGVcIjp0cnVlLFwiV2lkdGhcIjowLjAsXCJIZWlnaHRcIjowLjAsXCJCb3JkZXJTdHlsZVwiOntcIiRpZFwiOlwiMjUzXCIsXCJMaW5lQ29sb3JcIjpudWxsLFwiTGluZVdlaWdodFwiOjAuMCxcIkxpbmVUeXBlXCI6MH19LFwiRGF0ZUZvcm1hdFwiOntcIiRpZFwiOlwiMjU0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aWRcIjpcIjI3OFwiLFwiQVwiOjAsXCJSXCI6MjU1LFwiR1wiOjI1NSxcIkJcIjoyNTV9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OSxcIkZvbnROYW1lXCI6XCJDYWxpYnJpXCIsXCJJc0JvbGRcIjpmYWxzZSxcIklzSXRhbGljXCI6ZmFsc2UsXCJJc1VuZGVybGluZWRcIjpmYWxzZX0sXCJBdXRvU2l6ZVwiOjAsXCJGb3JlZ3JvdW5kXCI6e1wiJGlkXCI6XCIyODJcIixcIkNvbG9yXCI6e1wiJGlkXCI6XCIyOD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yMVwiLFwiVG9wXCI6MC4wLFwiTGVmdFwiOjAuMCxcIlJpZ2h0XCI6MC4wLFwiQm90dG9tXCI6MC4wfSxcIlBhZGRpbmdcIjp7XCIkaWRcIjpcIjMyMlwiLFwiVG9wXCI6MC4wLFwiTGVmdFwiOjAuMCxcIlJpZ2h0XCI6MC4wLFwiQm90dG9tXCI6MC4wfSxcIkJhY2tncm91bmRcIjpudWxsLFwiSXNWaXNpYmxlXCI6dHJ1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zM5XCIsXCJIZWFkZXJTdHlsZVwiOntcIiRpZFwiOlwiMzQwXCIsXCJUZXh0U3R5bGVcIjp7XCIkaWRcIjpcIjM0MVwiLFwiRm9udFNldHRpbmdzXCI6e1wiJGlkXCI6XCIzNDJcIixcIkZvbnRTaXplXCI6MTAsXCJGb250TmFtZVwiOlwiQ2FsaWJyaVwiLFwiSXNCb2xkXCI6ZmFsc2UsXCJJc0l0YWxpY1wiOmZhbHNlLFwiSXNVbmRlcmxpbmVkXCI6ZmFsc2V9LFwiQXV0b1NpemVcIjowLFwiRm9yZWdyb3VuZFwiOntcIiRpZFwiOlwiMzQzXCIsXCJDb2xvclwiOntcIiRpZFwiOlwiMzQ0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GlkXCI6XCIzNDdcIixcIkNvbG9yXCI6e1wiJGlkXCI6XCIzNDhcIixcIkFcIjo2MyxcIlJcIjo5MSxcIkdcIjoxNTUsXCJCXCI6MjEzfX0sXCJJc1Zpc2libGVcIjp0cnV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M2OVwiLFwiVG9wXCI6MC4wLFwiTGVmdFwiOjAuMCxcIlJpZ2h0XCI6MC4wLFwiQm90dG9tXCI6MC4wfSxcIlBhZGRpbmdcIjp7XCIkaWRcIjpcIjM3MFwiLFwiVG9wXCI6MC4wLFwiTGVmdFwiOjAuMCxcIlJpZ2h0XCI6MC4wLFwiQm90dG9tXCI6MC4wfSxcIkJhY2tncm91bmRcIjp7XCIkcmVmXCI6XCIxMTNcIn0sXCJJc1Zpc2libGVcIjp0cnVlLFwiV2lkdGhcIjowLjAsXCJIZWlnaHRcIjowLjAsXCJCb3JkZXJTdHlsZVwiOntcIiRpZFwiOlwiMzcxXCIsXCJMaW5lQ29sb3JcIjpudWxsLFwiTGluZVdlaWdodFwiOjAuMCxcIkxpbmVUeXBlXCI6MH19LFwiRHVyYXRpb25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GlkXCI6XCIzNz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IwXCJ9LFwiSXNWaXNpYmxlXCI6dHJ1ZSxcIldpZHRoXCI6MC4wLFwiSGVpZ2h0XCI6MC4wLFwiQm9yZGVyU3R5bGVcIjp7XCIkaWRcIjpcIjM3OFwiLFwiTGluZUNvbG9yXCI6bnVsbCxcIkxpbmVXZWlnaHRcIjowLjAsXCJMaW5lVHlwZVwiOjB9fSxcIkhvcml6b250YWxDb25uZWN0b3JTdHlsZVwiOntcIiRpZFwiOlwiMzc5XCIsXCJMaW5lQ29sb3JcIjp7XCIkcmVmXCI6XCIxMjJcIn0sXCJMaW5lV2VpZ2h0XCI6MS4wLFwiTGluZVR5cGVcIjowfSxcIlZlcnRpY2FsQ29ubmVjdG9yU3R5bGVcIjp7XCIkaWRcIjpcIjM4M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NDh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A2XCIsXCJUYXNrU3R5bGVcIjp7XCIkaWRcIjpcIjQwN1wiLFwiU2hhcGVcIjozLFwiU2hhcGVUaGlja25lc3NcIjowLFwiRHVyYXRpb25Gb3JtYXRcIjowLFwiUGVyY2VudGFnZUNvbXBsZXRlU3R5bGVcIjp7XCIkaWRcIjpcIjQwOFwiLFwiRm9udFNldHRpbmdzXCI6e1wiJGlkXCI6XCI0MDlcIixcIkZvbnRTaXplXCI6MTAsXCJGb250TmFtZVwiOlwiQ2FsaWJyaVwiLFwiSXNCb2xkXCI6ZmFsc2UsXCJJc0l0YWxpY1wiOmZhbHNlLFwiSXNVbmRlcmxpbmVkXCI6ZmFsc2V9LFwiQXV0b1NpemVcIjowLFwiRm9yZWdyb3VuZFwiOntcIiRpZFwiOlwiNDEw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TN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M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IyXCJ9LFwiTGluZVdlaWdodFwiOjEuMCxcIkxpbmVUeXBlXCI6MH0sXCJWZXJ0aWNhbENvbm5lY3RvclN0eWxlXCI6e1wiJGlkXCI6XCI0MjF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ZmFsc2UsXCJQZXJjZW50YWdlQ29tcGxldGVTaGFwZU9wYWNpdHlcIjozNSxcIkdyb3VwTmFtZVwiOlwiZDlhYmVkZGItNjdlOS00MjA4LWE1OTktNWI1YWQ0ZjYyZWU0XCIsXCJBdHRhY2hlZE1pbGVzdG9uZXNTdHlsZXNcIjpudWxs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MTAsXCJGb250TmFtZVwiOlwiQ2FsaWJyaVwiLFwiSXNCb2xkXCI6ZmFsc2UsXCJJc0l0YWxpY1wiOmZhbHNlLFwiSXNVbmRlcmxpbmVkXCI6ZmFsc2V9LFwiQXV0b1NpemVcIjowLFwiRm9yZWdyb3VuZFwiOntcIiRpZFwiOlwiNDQxXCIsXCJDb2xvclwiOntcIiRpZFwiOlwiNDQ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HJlZlwiOlwiMTQ4XCJ9LFwiSXNWaXNpYmxlXCI6dHJ1ZSxcIldpZHRoXCI6MC4wLFwiSGVpZ2h0XCI6MC4wLFwiQm9yZGVyU3R5bGVcIjp7XCIkaWRcIjpcIjQ0NVwiLFwiTGluZUNvbG9yXCI6bnVsbCxcIkxpbmVXZWlnaHRcIjowLjAsXCJMaW5lVHlwZVwiOjB9fSxcIkRhdGVGb3JtYXRcIjp7XCIkaWRcIjpcIjQ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Q0N1wiLFwiSGVhZGVyU3R5bGVcIjp7XCIkaWRcIjpcIjQ0OFwiLFwiVGV4dFN0eWxlXCI6e1wiJGlkXCI6XCI0NDlcIixcIkZvbnRTZXR0aW5nc1wiOntcIiRpZFwiOlwiNDUwXCIsXCJGb250U2l6ZVwiOjEwLFwiRm9udE5hbWVcIjpcIkNhbGlicmlcIixcIklzQm9sZFwiOmZhbHNlLFwiSXNJdGFsaWNcIjpmYWxzZSxcIklzVW5kZXJsaW5lZFwiOmZhbHNlfSxcIkF1dG9TaXplXCI6MCxcIkZvcmVncm91bmRcIjp7XCIkaWRcIjpcIjQ1MVwiLFwiQ29sb3JcIjp7XCIkaWRcIjpcIjQ1Ml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1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Iw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JcIn0sXCJMaW5lV2VpZ2h0XCI6MS4wLFwiTGluZVR5cGVcIjowfSxcIlZlcnRpY2FsQ29ubmVjdG9yU3R5bGVcIjp7XCIkaWRcIjpcIjQ4N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pZFwiOlwiNTAxXCIsXCJDb2xvclwiOntcIiRpZFwiOlwiNTAyXCIsXCJBXCI6MCxcIlJcIjoyNTUsXCJHXCI6MjU1LFwiQlwiOjI1NX1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xMCxcIkZvbnROYW1lXCI6XCJDYWxpYnJpXCIsXCJJc0JvbGRcIjpmYWxzZSxcIklzSXRhbGljXCI6ZmFsc2UsXCJJc1VuZGVybGluZWRcIjpmYWxzZX0sXCJBdXRvU2l6ZVwiOjAsXCJGb3JlZ3JvdW5kXCI6e1wiJGlkXCI6XCI1MDZ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3XCIsXCJUb3BcIjowLjAsXCJMZWZ0XCI6MC4wLFwiUmlnaHRcIjowLjAsXCJCb3R0b21cIjowLjB9LFwiUGFkZGluZ1wiOntcIiRpZFwiOlwiNTA4XCIsXCJUb3BcIjowLjAsXCJMZWZ0XCI6MC4wLFwiUmlnaHRcIjowLjAsXCJCb3R0b21cIjowLjB9LFwiQmFja2dyb3VuZFwiOntcIiRyZWZcIjpcIjE0OFwifSxcIklzVmlzaWJsZVwiOnRydWUsXCJXaWR0aFwiOjAuMCxcIkhlaWdodFwiOjAuMCxcIkJvcmRlclN0eWxlXCI6e1wiJGlkXCI6XCI1MDlcIixcIkxpbmVDb2xvclwiOm51bGwsXCJMaW5lV2VpZ2h0XCI6MC4wLFwiTGluZVR5cGVcIjowfX0sXCJEYXRlRm9ybWF0XCI6e1wiJGlkXCI6XCI1MTB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aWRcIjpcIjU0MFwiLFwiQ29sb3JcIjp7XCIkaWRcIjpcIjU0MVwiLFwiQVwiOjAsXCJSXCI6MjU1LFwiR1wiOjI1NSxcIkJcIjoyNTV9fSxcIklzVmlzaWJsZVwiOmZhbHNlLFwiV2lkdGhcIjowLjAsXCJIZWlnaHRcIjowLjAsXCJCb3JkZXJTdHlsZVwiOntcIiRpZFwiOlwiNTQyXCIsXCJMaW5lQ29sb3JcIjpudWxsLFwiTGluZVdlaWdodFwiOjAuMCxcIkxpbmVUeXBlXCI6MH19LFwiRGF0ZUZvcm1hdFwiOntcIiRpZFwiOlwiNTQ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aWRcIjpcIjU3NFwiLFwiQ29sb3JcIjp7XCIkaWRcIjpcIjU3NVwiLFwiQVwiOjAsXCJSXCI6MjU1LFwiR1wiOjI1NSxcIkJcIjoyNTV9fSxcIklzVmlzaWJsZVwiOmZhbHNlLFwiV2lkdGhcIjowLjAsXCJIZWlnaHRcIjowLjAsXCJCb3JkZXJTdHlsZVwiOntcIiRpZFwiOlwiNTc2XCIsXCJMaW5lQ29sb3JcIjpudWxsLFwiTGluZVdlaWdodFwiOjAuMCxcIkxpbmVUeXBlXCI6MH19LFwiRGF0ZUZvcm1hdFwiOntcIiRpZFwiOlwiNTc3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zhcIixcIkRhdGVQYXJ0SXNWaXNpYmxlXCI6dHJ1ZSxcIlRpbWVQYXJ0SXNWaXNpYmxlXCI6ZmFsc2V9fSxcIklzVmlzaWJsZVwiOnRydWV9XX0se1wiJGlkXCI6XCI1NzlcIixcIlRhc2tTdHlsZVwiOntcIiRpZFwiOlwiNTgwXCIsXCJTaGFwZVwiOjEsXCJTaGFwZVRoaWNrbmVzc1wiOjM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1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Iw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JcIn0sXCJMaW5lV2VpZ2h0XCI6MS4wLFwiTGluZVR5cGVcIjowfSxcIlZlcnRpY2FsQ29ubmVjdG9yU3R5bGVcIjp7XCIkaWRcIjpcIjU5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yZWZcIjpcIjE0OFwifSxcIklzVmlzaWJsZVwiOnRydWUsXCJXaWR0aFwiOjAuMCxcIkhlaWdodFwiOjAuMCxcIkJvcmRlclN0eWxlXCI6e1wiJGlkXCI6XCI2MTdcIixcIkxpbmVDb2xvclwiOm51bGwsXCJMaW5lV2VpZ2h0XCI6MC4wLFwiTGluZVR5cGVcIjowfX0sXCJEYXRlRm9ybWF0XCI6e1wiJGlkXCI6XCI2MTh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5MVwiLFwiVG9wXCI6MC4wLFwiTGVmdFwiOjAuMCxcIlJpZ2h0XCI6MC4wLFwiQm90dG9tXCI6MC4wfSxcIlBhZGRpbmdcIjp7XCIkaWRcIjpcIjY5MlwiLFwiVG9wXCI6MC4wLFwiTGVmdFwiOjAuMCxcIlJpZ2h0XCI6MC4wLFwiQm90dG9tXCI6MC4wfSxcIkJhY2tncm91bmRcIjp7XCIkcmVmXCI6XCIxNDhcIn0sXCJJc1Zpc2libGVcIjp0cnVlLFwiV2lkdGhcIjowLjAsXCJIZWlnaHRcIjowLjAsXCJCb3JkZXJTdHlsZVwiOntcIiRpZFwiOlwiNjkzXCIsXCJMaW5lQ29sb3JcIjpudWxsLFwiTGluZVdlaWdodFwiOjAuMCxcIkxpbmVUeXBlXCI6MH19LFwiRGF0ZUZvcm1hdFwiOntcIiRpZFwiOlwiNjk0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NzRcIixcIkhlYWRlclN0eWxlXCI6e1wiJGlkXCI6XCI3NzVcIixcIlRleHRTdHlsZVwiOntcIiRpZFwiOlwiNzc2XCIsXCJGb250U2V0dGluZ3NcIjp7XCIkaWRcIjpcIjc3N1wiLFwiRm9udFNpemVcIjoxMCxcIkZvbnROYW1lXCI6XCJDYWxpYnJpXCIsXCJJc0JvbGRcIjpmYWxzZSxcIklzSXRhbGljXCI6ZmFsc2UsXCJJc1VuZGVybGluZWRcIjpmYWxzZX0sXCJBdXRvU2l6ZVwiOjAsXCJGb3JlZ3JvdW5kXCI6e1wiJGlkXCI6XCI3NzhcIixcIkNvbG9yXCI6e1wiJGlkXCI6XCI3Nz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Q4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0MFwiLFwiVGFza1N0eWxlXCI6e1wiJGlkXCI6XCI4NDFcIixcIlNoYXBlXCI6MCxcIlNoYXBlVGhpY2tuZXNzXCI6MCxcIkR1cmF0aW9uRm9ybWF0XCI6MCxcIlBlcmNlbnRhZ2VDb21wbGV0ZVN0eWxlXCI6e1wiJGlkXCI6XCI4NDJcIixcIkZvbnRTZXR0aW5nc1wiOntcIiRpZFwiOlwiODQzXCIsXCJGb250U2l6ZVwiOjEwLFwiRm9udE5hbWVcIjpcIkNhbGlicmlcIixcIklzQm9sZFwiOmZhbHNlLFwiSXNJdGFsaWNcIjpmYWxzZSxcIklzVW5kZXJsaW5lZFwiOmZhbHNlfSxcIkF1dG9TaXplXCI6MCxcIkZvcmVncm91bmRcIjp7XCIkaWRcIjpcIjg0N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E0OFwifSxcIklzVmlzaWJsZVwiOnRydWUsXCJXaWR0aFwiOjAuMCxcIkhlaWdodFwiOjAuMCxcIkJvcmRlclN0eWxlXCI6e1wiJGlkXCI6XCI4NzlcIixcIkxpbmVDb2xvclwiOm51bGwsXCJMaW5lV2VpZ2h0XCI6MC4wLFwiTGluZVR5cGVcIjowfX0sXCJEYXRlRm9ybWF0XCI6e1wiJGlkXCI6XCI4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4ODFcIixcIkhlYWRlclN0eWxlXCI6e1wiJGlkXCI6XCI4ODJcIixcIlRleHRTdHlsZVwiOntcIiRpZFwiOlwiODgzXCIsXCJGb250U2V0dGluZ3NcIjp7XCIkaWRcIjpcIjg4NFwiLFwiRm9udFNpemVcIjoxMCxcIkZvbnROYW1lXCI6XCJDYWxpYnJpXCIsXCJJc0JvbGRcIjpmYWxzZSxcIklzSXRhbGljXCI6ZmFsc2UsXCJJc1VuZGVybGluZWRcIjpmYWxzZX0sXCJBdXRvU2l6ZVwiOjAsXCJGb3JlZ3JvdW5kXCI6e1wiJGlkXCI6XCI4ODVcIixcIkNvbG9yXCI6e1wiJGlkXCI6XCI4ODZ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OTUyXCIsXCJIZWFkZXJTdHlsZVwiOntcIiRpZFwiOlwiOTUzXCIsXCJUZXh0U3R5bGVcIjp7XCIkaWRcIjpcIjk1NFwiLFwiRm9udFNldHRpbmdzXCI6e1wiJGlkXCI6XCI5NTVcIixcIkZvbnRTaXplXCI6MTAsXCJGb250TmFtZVwiOlwiQ2FsaWJyaVwiLFwiSXNCb2xkXCI6ZmFsc2UsXCJJc0l0YWxpY1wiOmZhbHNlLFwiSXNVbmRlcmxpbmVkXCI6ZmFsc2V9LFwiQXV0b1NpemVcIjowLFwiRm9yZWdyb3VuZFwiOntcIiRpZFwiOlwiOTU2XCIsXCJDb2xvclwiOntcIiRpZFwiOlwiOTU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NThcIixcIlRvcFwiOjAuMCxcIkxlZnRcIjowLjAsXCJSaWdodFwiOjAuMCxcIkJvdHRvbVwiOjAuMH0sXCJQYWRkaW5nXCI6e1wiJGlkXCI6XCI5NTlcIixcIlRvcFwiOjAuMCxcIkxlZnRcIjowLjAsXCJSaWdodFwiOjAuMCxcIkJvdHRvbVwiOjAuMH0sXCJCYWNrZ3JvdW5kXCI6e1wiJGlkXCI6XCI5NjBcIixcIkNvbG9yXCI6e1wiJGlkXCI6XCI5NjFcIixcIkFcIjowLFwiUlwiOjI1NSxcIkdcIjoyNTUsXCJCXCI6MjU1fX0sXCJJc1Zpc2libGVcIjp0cnVlLFwiV2lkdGhcIjowLjAsXCJIZWlnaHRcIjowLjAsXCJCb3JkZXJTdHlsZVwiOm51bGx9LFwiUmVjdGFuZ2xlU3R5bGVcIjp7XCIkaWRcIjpcIjk2Mlwi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E0XCIsXCJUb3BcIjowLjAsXCJMZWZ0XCI6MC4wLFwiUmlnaHRcIjowLjAsXCJCb3R0b21cIjowLjB9LFwiUGFkZGluZ1wiOntcIiRpZFwiOlwiMTAxNVwiLFwiVG9wXCI6MC4wLFwiTGVmdFwiOjAuMCxcIlJpZ2h0XCI6MC4wLFwiQm90dG9tXCI6MC4wfSxcIkJhY2tncm91bmRcIjp7XCIkcmVmXCI6XCIxNDhcIn0sXCJJc1Zpc2libGVcIjp0cnVlLFwiV2lkdGhcIjowLjAsXCJIZWlnaHRcIjowLjAsXCJCb3JkZXJTdHlsZVwiOntcIiRpZFwiOlwiMTAxNlwiLFwiTGluZUNvbG9yXCI6bnVsbCxcIkxpbmVXZWlnaHRcIjowLjAsXCJMaW5lVHlwZVwiOjB9fSxcIkRhdGVGb3JtYXRcIjp7XCIkaWRcIjpcIjEw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4XCIsXCJUYXNrU3R5bGVcIjp7XCIkaWRcIjpcIjEwMTlcIixcIlNoYXBlXCI6NixcIlNoYXBlVGhpY2tuZXNzXCI6MSxcIkR1cmF0aW9uRm9ybWF0XCI6MCxcIlBlcmNlbnRhZ2VDb21wbGV0ZVN0eWxlXCI6e1wiJGlkXCI6XCIxMDIwXCIsXCJGb250U2V0dGluZ3NcIjp7XCIkaWRcIjpcIjEwMjFcIixcIkZvbnRTaXplXCI6MTAsXCJGb250TmFtZVwiOlwiQ2FsaWJyaVwiLFwiSXNCb2xkXCI6ZmFsc2UsXCJJc0l0YWxpY1wiOmZhbHNlLFwiSXNVbmRlcmxpbmVkXCI6ZmFsc2V9LFwiQXV0b1NpemVcIjowLFwiRm9yZWdyb3VuZFwiOntcIiRpZFwiOlwiMTAyMl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aWRcIjpcIjEwN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TVcIixcIlRvcFwiOjAuMCxcIkxlZnRcIjowLjAsXCJSaWdodFwiOjAuMCxcIkJvdHRvbVwiOjAuMH0sXCJQYWRkaW5nXCI6e1wiJGlkXCI6XCIxMDU2XCIsXCJUb3BcIjowLjAsXCJMZWZ0XCI6MC4wLFwiUmlnaHRcIjowLjAsXCJCb3R0b21cIjowLjB9LFwiQmFja2dyb3VuZFwiOntcIiRyZWZcIjpcIjE0OFwifSxcIklzVmlzaWJsZVwiOnRydWUsXCJXaWR0aFwiOjAuMCxcIkhlaWdodFwiOjAuMCxcIkJvcmRlclN0eWxlXCI6e1wiJGlkXCI6XCIxMDU3XCIsXCJMaW5lQ29sb3JcIjpudWxsLFwiTGluZVdlaWdodFwiOjAuMCxcIkxpbmVUeXBlXCI6MH19LFwiRGF0ZUZvcm1hdFwiOntcIiRpZFwiOlwiMTA1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TlcIixcIlRhc2tTdHlsZVwiOntcIiRpZFwiOlwiMTA2MFwiLFwiU2hhcGVcIjo2LFwiU2hhcGVUaGlja25lc3NcIjoxLFwiRHVyYXRpb25Gb3JtYXRcIjowLFwiUGVyY2VudGFnZUNvbXBsZXRlU3R5bGVcIjp7XCIkaWRcIjpcIjEwNjFcIixcIkZvbnRTZXR0aW5nc1wiOntcIiRpZFwiOlwiMTA2MlwiLFwiRm9udFNpemVcIjoxMCxcIkZvbnROYW1lXCI6XCJDYWxpYnJpXCIsXCJJc0JvbGRcIjpmYWxzZSxcIklzSXRhbGljXCI6ZmFsc2UsXCJJc1VuZGVybGluZWRcIjpmYWxzZX0sXCJBdXRvU2l6ZVwiOjAsXCJGb3JlZ3JvdW5kXCI6e1wiJGlkXCI6XCIxMDYz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yZWZcIjpcIjExM1wifSxcIklzVmlzaWJsZVwiOnRydWUsXCJXaWR0aFwiOjAuMCxcIkhlaWdodFwiOjAuMCxcIkJvcmRlclN0eWxlXCI6e1wiJGlkXCI6XCIxMDY2XCIsXCJMaW5lQ29sb3JcIjpudWxsLFwiTGluZVdlaWdodFwiOjAuMCxcIkxpbmVUeXBlXCI6MH19LFwiRHVyYXRpb25TdHlsZVwiOntcIiRpZFwiOlwiMTA2N1wiLFwiRm9udFNldHRpbmdzXCI6e1wiJGlkXCI6XCIxMDY4XCIsXCJGb250U2l6ZVwiOjEwLFwiRm9udE5hbWVcIjpcIkNhbGlicmlcIixcIklzQm9sZFwiOmZhbHNlLFwiSXNJdGFsaWNcIjpmYWxzZSxcIklzVW5kZXJsaW5lZFwiOmZhbHNlfSxcIkF1dG9TaXplXCI6MCxcIkZvcmVncm91bmRcIjp7XCIkaWRcIjpcIjEwNjl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5NlwiLFwiVG9wXCI6MC4wLFwiTGVmdFwiOjAuMCxcIlJpZ2h0XCI6MC4wLFwiQm90dG9tXCI6MC4wfSxcIlBhZGRpbmdcIjp7XCIkaWRcIjpcIjEwOTdcIixcIlRvcFwiOjAuMCxcIkxlZnRcIjowLjAsXCJSaWdodFwiOjAuMCxcIkJvdHRvbVwiOjAuMH0sXCJCYWNrZ3JvdW5kXCI6e1wiJHJlZlwiOlwiMTQ4XCJ9LFwiSXNWaXNpYmxlXCI6dHJ1ZSxcIldpZHRoXCI6MC4wLFwiSGVpZ2h0XCI6MC4wLFwiQm9yZGVyU3R5bGVcIjp7XCIkaWRcIjpcIjEwOThcIixcIkxpbmVDb2xvclwiOm51bGwsXCJMaW5lV2VpZ2h0XCI6MC4wLFwiTGluZVR5cGVcIjowfX0sXCJEYXRlRm9ybWF0XCI6e1wiJGlkXCI6XCIxMDk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MTEwMFwiLFwiSGVhZGVyU3R5bGVcIjp7XCIkaWRcIjpcIjExMDFcIixcIlRleHRTdHlsZVwiOntcIiRpZFwiOlwiMTEwMlwiLFwiRm9udFNldHRpbmdzXCI6e1wiJGlkXCI6XCIxMTAzXCIsXCJGb250U2l6ZVwiOjEyLFwiRm9udE5hbWVcIjpcIkNhbGlicmlcIixcIklzQm9sZFwiOnRydWUsXCJJc0l0YWxpY1wiOmZhbHNlLFwiSXNVbmRlcmxpbmVkXCI6ZmFsc2V9LFwiQXV0b1NpemVcIjowLFwiRm9yZWdyb3VuZFwiOntcIiRpZFwiOlwiMTEwNFwiLFwiQ29sb3JcIjp7XCIkaWRcIjpcIjExMDV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E0NVwiLFwiSGVhZGVyU3R5bGVcIjp7XCIkaWRcIjpcIjExNDZcIixcIlRleHRTdHlsZVwiOntcIiRpZFwiOlwiMTE0N1wiLFwiRm9udFNldHRpbmdzXCI6e1wiJGlkXCI6XCIxMTQ4XCIsXCJGb250U2l6ZVwiOjEwLFwiRm9udE5hbWVcIjpcIkNhbGlicmlcIixcIklzQm9sZFwiOmZhbHNlLFwiSXNJdGFsaWNcIjpmYWxzZSxcIklzVW5kZXJsaW5lZFwiOmZhbHNlfSxcIkF1dG9TaXplXCI6MCxcIkZvcmVncm91bmRcIjp7XCIkaWRcIjpcIjExNDlcIixcIkNvbG9yXCI6e1wiJGlkXCI6XCIxMTUw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pZFwiOlwiMTIxMlwiLFwiQ29sb3JcIjp7XCIkaWRcIjpcIjEyMTN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ODhcIixcIlRvcFwiOjAuMCxcIkxlZnRcIjowLjAsXCJSaWdodFwiOjAuMCxcIkJvdHRvbVwiOjAuMH0sXCJQYWRkaW5nXCI6e1wiJGlkXCI6XCIxMjg5XCIsXCJUb3BcIjowLjAsXCJMZWZ0XCI6MC4wLFwiUmlnaHRcIjowLjAsXCJCb3R0b21cIjowLjB9LFwiQmFja2dyb3VuZFwiOntcIiRpZFwiOlwiMTI5MFwiLFwiQ29sb3JcIjp7XCIkaWRcIjpcIjEyOTF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yMzcsXCJHXCI6MTI1LFwiQlwiOjQ5fX0sXCJJc1Zpc2libGVcIjp0cnVlLFwiV2lkdGhcIjoxMi4wLFwiSGVpZ2h0XCI6MTQuMCxcIkJvcmRlclN0eWxlXCI6e1wiJGlkXCI6XCIxMjk3XCIsXCJMaW5lQ29sb3JcIjp7XCIkaWRcIjpcIjEyOThcIixcIiR0eXBlXCI6XCJOTFJFLkNvbW1vbi5Eb20uU29saWRDb2xvckJydXNoLCBOTFJFLkNvbW1vblwiLFwiQ29sb3JcIjp7XCIkaWRcIjpcIjEyOTlcIixcIkFcIjoyNTUsXCJSXCI6NDcsXCJHXCI6ODIsXCJCXCI6MTQzfX0sXCJMaW5lV2VpZ2h0XCI6MC4wLFwiTGluZVR5cGVcIjowfX0sXCJEYXRlRm9ybWF0XCI6e1wiJGlkXCI6XCIxMzAw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yNCxcIkdcIjoxMjQsXCJCXCI6MTI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E1LFwiR1wiOjExNSxcIkJcIjoxMTV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E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TI0LFwiR1wiOjEyNCxcIkJcIjoxMj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zNCxcIkdcIjoyMixcIkJcIjoz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C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Q0NjAxNGZiLWNhNDItNDdmYS1hMGQ1LWZjYmY5ZTM5NDE0M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C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nRydWUsXCJXaWR0aFwiOjAuMCxcIkhlaWdodFwiOjAuMCxcIkJvcmRlclN0eWxlXCI6e1wiJGlkXCI6XCIxNjFcIixcIkxpbmVTdHlsZVwiOntcIiRpZFwiOlwiMTYyXCIsXCJMaW5lQ29sb3JcIjp7XCIkaWRcIjpcIjE2M1wiLFwiQ29sb3JcIjp7XCIkaWRcIjpcIjE2NFwiLFwiQVwiOjI1NSxcIlJcIjo0NyxcIkdcIjo4MixcIkJcIjoxNDN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jUsXCJHXCI6MTY1LFwiQlwiOjE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TEsXCJHXCI6MTU1LFwiQlwiOjIxM319LFwiSXNWaXNpYmxlXCI6dHJ1ZSxcIldpZHRoXCI6MTM4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xLFwiR1wiOjE1NSxcIkJcIjoyMTN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S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I0NzMyYjQxLTE2ZjEtNGM1My1hNjVjLWI1NzNlNDZmODkzNl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g0LFwiQlwiOjEwNn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C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g0LFwiQlwiOjEwNn19LFwiSXNWaXNpYmxlXCI6dHJ1ZSxcIldpZHRoXCI6MC4wLFwiSGVpZ2h0XCI6MC4wLFwiQm9yZGVyU3R5bGVcIjp7XCIkaWRcIjpcIjI4MlwiLFwiTGluZVN0eWxlXCI6e1wiJGlkXCI6XCIyODNcIixcIkxpbmVDb2xvclwiOntcIiRpZFwiOlwiMjg0XCIsXCJDb2xvclwiOntcIiRpZFwiOlwiMjg1XCIsXCJBXCI6MjU1LFwiUlwiOjQ3LFwiR1wiOjgyLFwiQlwiOjE0M3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k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4LFwiR1wiOjg0LFwiQlwiOjEwNn19LFwiSXNWaXNpYmxlXCI6dHJ1ZSxcIldpZHRoXCI6MTA4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xLjAsXCJQYWRkaW5nXCI6e1wiJGlkXCI6XCIzNDhcIixcIlRvcFwiOjcuMCxcIkxlZnRcIjozLjAsXCJSaWdodFwiOjAuMCxcIkJvdHRvbVwiOjIuMH0sXCJQb3NpdGlvbk9uVGFza1wiOjM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DYWxpYnJpXCIsXCJJc0JvbGRcIjpmYWxzZSxcIklzSXRhbGljXCI6ZmFsc2UsXCJJc1VuZGVybGluZWRcIjpmYWxzZX0sXCJGb3JlZ3JvdW5kXCI6e1wiJGlkXCI6XCIzNjBcIixcIkNvbG9yXCI6e1wiJGlkXCI6XCIzNjFcIixcIkFcIjoyNTUsXCJSXCI6MTE1LFwiR1wiOjExNSxcIkJcIjoxMTV9fSxcIkhvcml6b250YWxBbGlnbm1lbnRcIjoxLFwiSXNWaXNpYmxlXCI6dHJ1ZX0sXCJEYXRlU3R5bGVcIjp7XCIkaWRcIjpcIjM2MlwiLFwiRm9udFNldHRpbmdzXCI6e1wiJGlkXCI6XCIzNjNcIixcIkZvbnRTaXplXCI6OS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mZhbHNlfSxcIkRhdGVGb3JtYXRcIjp7XCIkaWRcIjpcIjM2Nl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2MWNjMzA4ZC00ZTU1LTRjMDEtYjNkYS05NDg1YjQ3ODliMWJ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MzcsXCJHXCI6MTI1LFwiQlwiOjQ5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w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M3LFwiR1wiOjEyNSxcIkJcIjo0OX19LFwiSXNWaXNpYmxlXCI6dHJ1ZSxcIldpZHRoXCI6MC4wLFwiSGVpZ2h0XCI6MC4wLFwiQm9yZGVyU3R5bGVcIjp7XCIkaWRcIjpcIjQwM1wiLFwiTGluZVN0eWxlXCI6e1wiJGlkXCI6XCI0MDRcIixcIkxpbmVDb2xvclwiOntcIiRpZFwiOlwiNDA1XCIsXCJDb2xvclwiOntcIiRpZFwiOlwiNDA2XCIsXCJBXCI6MjU1LFwiUlwiOjQ3LFwiR1wiOjgyLFwiQlwiOjE0M3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M3LFwiR1wiOjEyNSxcIkJcIjo0OX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x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zNyxcIkdcIjoxMjUsXCJCXCI6NDl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OS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zOCxcIlJcIjo2OCxcIkdcIjo4NCxcIkJcIjoxMDZ9fSxcIkxpbmVXZWlnaHRcIjoxLjAsXCJMaW5lVHlwZVwiOjB9LFwiSXNWaXNpYmxlXCI6dHJ1ZX0sXCJBY3Rpdml0eUxpbmVQYW5lbFN0eWxlXCI6e1wiJGlkXCI6XCI0OTNcIixcIkFjdGl2aXR5TGluZVN0eWxlXCI6e1wiJGlkXCI6XCI0OTRcIixcIkxpbmVDb2xvclwiOntcIiRpZFwiOlwiNDk1XCIsXCJDb2xvclwiOntcIiRpZFwiOlwiNDk2XCIsXCJBXCI6MTI3LFwiUlwiOjE5MSxcIkdcIjoxOTEsXCJCXCI6MTkxfX0sXCJMaW5lV2VpZ2h0XCI6MS4w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U1LFwiR1wiOjI1NSxcIkJcIjoyNTV9LFwiQWNjZW50MlwiOntcIiRpZFwiOlwiNTE4XCIsXCJBXCI6MjU1LFwiUlwiOjEyNCxcIkdcIjoxMjQsXCJCXCI6MTI0fSxcIkFjY2VudDNcIjp7XCIkaWRcIjpcIjUxOVwiLFwiQVwiOjI1NSxcIlJcIjo5MSxcIkdcIjoxNTUsXCJCXCI6MjEzfSxcIkFjY2VudDRcIjp7XCIkaWRcIjpcIjUyMFwiLFwiQVwiOjI1NSxcIlJcIjo2OCxcIkdcIjo4NCxcIkJcIjoxMDZ9LFwiQWNjZW50NVwiOntcIiRpZFwiOlwiNTIxXCIsXCJBXCI6MjU1LFwiUlwiOjIzNyxcIkdcIjoxMjUsXCJCXCI6NDl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E3NCIsIkltcGFPcHRpb25zIjp7IiRpZCI6IjIx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UiLCJJZCI6ImQwNTQ2YzNkLTg3NjEtNGRlYS1hODkyLTFlODEwMDNjNTAyYiIsIkZyb20iOnsiJHJlZiI6IjkwOSJ9LCJLaW5kIjoyLCJDbnhTdGFydEtpbmQiOjAsIkNueEVuZEtpbmQiOjAsIkxhZyI6bnVsbCwiVG8iOnsiJHJlZiI6IjgyNiJ9LCJTdHlsZSI6eyIkaWQiOiIyMTg2IiwiTGluZVN0eWxlIjp7IiRpZCI6IjIxODciLCJMaW5lQ29sb3IiOnsiJHJlZiI6IjIxODIifSwiTGluZVdlaWdodCI6MS4wLCJMaW5lVHlwZSI6MCwiUGFyZW50U3R5bGUiOm51bGx9LCJFbmRBcnJvd2hlYWRMaW5lU3R5bGUiOnsiJGlkIjoiMjE4O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LHsiJGlkIjoiMjIwMSIsIklkIjoiNjU2NDgyM2YtOTkwMC00YzBhLWIwYTYtMGY3YWViNGRjYWYyIiwiRnJvbSI6eyIkcmVmIjoiNDE0In0sIktpbmQiOjAsIkNueFN0YXJ0S2luZCI6MCwiQ254RW5kS2luZCI6MCwiTGFnIjpudWxsLCJUbyI6eyIkcmVmIjoiNDYxIn0sIlN0eWxlIjp7IiRpZCI6IjIyMDIiLCJMaW5lU3R5bGUiOnsiJGlkIjoiMjIwMyIsIkxpbmVDb2xvciI6eyIkcmVmIjoiMjE5OCJ9LCJMaW5lV2VpZ2h0IjoxLjAsIkxpbmVUeXBlIjowLCJQYXJlbnRTdHlsZSI6bnVsbH0sIkVuZEFycm93aGVhZExpbmVTdHlsZSI6eyIkaWQiOiIyMjA0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XX19"/>
  <p:tag name="__MASTER" val="__part_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6T00:00:00.0000000Z"/>
  <p:tag name="OTLENDDATE" val="2023-03-13T00:44:00.0000000Z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3-13T00:00:00.0000000Z"/>
  <p:tag name="OTLENDDATE" val="2023-03-14T23:59:00.0000000Z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06T23:59:00.0000000Z"/>
  <p:tag name="OTLENDDATE" val="2023-03-01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27T23:59:00.0000000Z"/>
  <p:tag name="OTLENDDATE" val="2023-05-14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DATEFORMATSTRING" val="MMM d"/>
  <p:tag name="OTLSHAPETHICKNESSTYPE" val="Thin"/>
  <p:tag name="OTLSTARTDATE" val="2024-01-06T00:00:00.0000000Z"/>
  <p:tag name="OTLENDDATE" val="2024-02-12T23:59:00.000000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TARTDATE" val="2023-09-01T23:59:00.0000000Z"/>
  <p:tag name="OTLDATEFORMATSTRING" val="MMM d"/>
  <p:tag name="OTLSHAPETHICKNESSTYPE" val="Thin"/>
  <p:tag name="OTLENDDATE" val="2023-12-10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2-11T23:59:00.0000000"/>
  <p:tag name="OTLDATEFORMATSTRING" val="MMM d"/>
  <p:tag name="OTLSHAPETHICKNESSTYPE" val="Thin"/>
  <p:tag name="OTLSTARTDATE" val="2024-01-06T00:00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2T00:00:00.0000000Z"/>
  <p:tag name="OTLENDDATE" val="2023-04-12T00:01:00.0000000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3-05-24T00:01:00.0000000"/>
  <p:tag name="OTLSTARTDATE" val="2023-04-12T00:00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ENDDATE" val="2024-01-15T23:59:00.0000000"/>
  <p:tag name="OTLSHAPETHICKNESSTYPE" val="Thin"/>
  <p:tag name="OTLSTARTDATE" val="2023-05-24T00:00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6-16T23:59:00.0000000Z"/>
  <p:tag name="OTLENDDATE" val="2023-08-11T23:59:00.0000000Z"/>
  <p:tag name="OTLSHAPETHICKNESSTYPE" val="Thin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8-12T23:59:00.0000000Z"/>
  <p:tag name="OTLENDDATE" val="2023-10-11T02:09:00.0000000Z"/>
  <p:tag name="OTLSHAPETHICKNESSTYPE" val="Thin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3-12-17T23:59:00.0000000"/>
  <p:tag name="OTLSHAPETHICKNESSTYPE" val="Thin"/>
  <p:tag name="OTLSTARTDATE" val="2023-10-15T23:59:00.0000000Z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  <p:tag name="OTLMILESTONESPACING" val="5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23:59:00.0000000"/>
  <p:tag name="OTLMILESTONESPACING" val="5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  <p:tag name="OTLMILESTONESPACING" val="5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5T23:59:00.0000000"/>
  <p:tag name="OTLMILESTONESPACING" val="5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d"/>
  <p:tag name="OTLTIMEBANDSCALETYPE" val="Days"/>
  <p:tag name="OTLTIMEBANDSHAPETYPE" val="RectangleTimeband"/>
  <p:tag name="OTLTIMEBANDSHAPEHEIGHT" val="20"/>
  <p:tag name="OTLTIMEBANDSHAPEPADDINGLEFT" val="0"/>
  <p:tag name="OTLTIMEBANDENDDATE" val="2023-03-17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6T23:59:00.0000000Z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 Demo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5T23:59:00.0000000Z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to Web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00:00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lpdesk content end"/>
  <p:tag name="OTLPOSITIONONTASK" val="Center"/>
  <p:tag name="OTLRELATEDTASKID" val="ce376b08-f9db-43bd-99ef-80f9d7e6cff0"/>
  <p:tag name="OTLWEEKNUMBERINGFORMAT" val="WNFormat1"/>
  <p:tag name="OTLWEEKNUMBERINGISVISIBLE" val="False"/>
  <p:tag name="OTLDATE" val="2024-02-09T23:59:00.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content end"/>
  <p:tag name="OTLPOSITIONONTASK" val="Center"/>
  <p:tag name="OTLRELATEDTASKID" val="11958ab1-beb3-4070-b07c-8c1ff15554ea"/>
  <p:tag name="OTLWEEKNUMBERINGFORMAT" val="WNFormat1"/>
  <p:tag name="OTLWEEKNUMBERINGISVISIBLE" val="False"/>
  <p:tag name="OTLDATE" val="2024-02-09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Start"/>
  <p:tag name="OTLRELATEDTASKID" val="7ca32acd-5908-471a-9042-96b070111595"/>
  <p:tag name="OTLPOSITIONONTASK" val="Center"/>
  <p:tag name="OTLDATE" val="2023-09-04T23:59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End"/>
  <p:tag name="OTLRELATEDTASKID" val="7ca32acd-5908-471a-9042-96b070111595"/>
  <p:tag name="OTLPOSITIONONTASK" val="Center"/>
  <p:tag name="OTLDATE" val="2023-12-07T23:59:00.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11958ab1-beb3-4070-b07c-8c1ff15554ea"/>
  <p:tag name="OTLDEPDESTINATIONID" val="ce376b08-f9db-43bd-99ef-80f9d7e6cff0"/>
  <p:tag name="OTLDEPENDENCYLAGUNIT" val="Undefined"/>
  <p:tag name="OTLDEPENDENCYLAGVALUE" val="0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46dc332-3d74-464a-8ef6-a4e6e53f36ea"/>
  <p:tag name="OTLDEPDESTINATIONID" val="11958ab1-beb3-4070-b07c-8c1ff15554ea"/>
  <p:tag name="OTLDEPENDENCYLAGUNIT" val="Undefined"/>
  <p:tag name="OTLDEPENDENCYLAGVALUE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f25e7ca-eb93-4b75-b1ef-d2db71905ad5"/>
  <p:tag name="OTLDEPDESTINATIONID" val="47cbe89c-df55-4199-9ae0-d3ac526194f6"/>
  <p:tag name="OTLDEPENDENCYLAGUNIT" val="Undefined"/>
  <p:tag name="OTLDEPENDENCYLAGVALUE" val="0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7cbe89c-df55-4199-9ae0-d3ac526194f6"/>
  <p:tag name="OTLDEPDESTINATIONID" val="546dc332-3d74-464a-8ef6-a4e6e53f36ea"/>
  <p:tag name="OTLDEPENDENCYLAGUNIT" val="Undefined"/>
  <p:tag name="OTLDEPENDENCYLAGVALUE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4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2"/>
  <p:tag name="OTLPOSITIONONTASK" val="None"/>
  <p:tag name="OTLRELATEDTASKID" val="00000000-0000-0000-0000-000000000000"/>
  <p:tag name="OTLWEEKNUMBERINGFORMAT" val="WNFormat1"/>
  <p:tag name="OTLWEEKNUMBERINGISVISIBLE" val="False"/>
  <p:tag name="OTLDATE" val="2023-03-07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3-01-30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1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8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7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xVDIzOjU5OjAwWiIsIkVuZERhdGUiOiIyMDIzLTAyLTI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TUsIkciOjE5MiwiQiI6MH19LCJJc1Zpc2libGUiOnRydWUsIldpZHRoIjowLjAsIkhlaWdodCI6MTMuNDI2NjY2NjY2NjY2Njc3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U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Bc3NlbWJsZSBSZXNvdXJjZXMiLCJOb3RlIjpudWxsLCJIeXBlcmxpbmsiOnsiJGlkIjoiNTkiLCJBZGRyZXNzIjoiIiwiU3ViQWRkcmVzcyI6IiJ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zLTAzLTAxVDIzOjU5OjAwWiIsIkVuZERhdGUiOiIyMDIzLTA1LTE2VDIzOjU5OjAwWiIsIlBlcmNlbnRhZ2VDb21wbGV0ZSI6bnVsbCwiU3R5bGUiOnsiJGlkIjoiNjM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cmVmIjoiMjMifSwiSXNWaXNpYmxlIjp0cnVlLCJXaWR0aCI6MC4wLCJIZWlnaHQiOjAuMCwiQm9yZGVyU3R5bGUiOnsiJGlkIjoiNzUiLCJMaW5lQ29sb3IiOm51bGwsIkxpbmVXZWlnaHQiOjAuMCwiTGluZVR5cGUiOjAsIlBhcmVudFN0eWxlIjpudWxsfSwiUGFyZW50U3R5bGUiOm51bGx9LCJIb3Jpem9udGFsQ29ubmVjdG9yU3R5bGUiOnsiJGlkIjoiNzYiLCJMaW5lQ29sb3IiOnsiJHJlZiI6IjI2In0sIkxpbmVXZWlnaHQiOjEuMCwiTGluZVR5cGUiOjAsIlBhcmVudFN0eWxlIjpudWxsfSwiVmVydGljYWxDb25uZWN0b3JTdHlsZSI6eyIkaWQiOiI3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GlkIjoiOTEiLCJBIjowLCJSIjoyNTUsIkciOjI1NSwiQiI6MjU1fX0sIklzVmlzaWJsZSI6dHJ1ZSwiV2lkdGgiOjAuMCwiSGVpZ2h0IjowLjAsIkJvcmRlclN0eWxlIjp7IiRpZCI6IjkyIiwiTGluZUNvbG9yIjpudWxsLCJMaW5lV2VpZ2h0IjowLjAsIkxpbmVUeXBlIjowLCJQYXJlbnRTdHlsZSI6bnVsbH0sIlBhcmVudFN0eWxlIjpudWxsfSwiRGF0ZV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HJlZiI6IjU0In0sIklzVmlzaWJsZSI6dHJ1ZSwiV2lkdGgiOjAuMCwiSGVpZ2h0IjowLjAsIkJvcmRlclN0eWxlIjp7IiRpZCI6Ijk5IiwiTGluZUNvbG9yIjpudWxsLCJMaW5lV2VpZ2h0IjowLjAsIkxpbmVUeXBlIjowLCJQYXJlbnRTdHlsZSI6bnVsbH0sIlBhcmVudFN0eWxlIjpudWxsfSwiRGF0ZUZvcm1hdCI6eyIkaWQiOiIx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I1NSwiUiI6MTY0LCJHIjoxMjUsIkIiOjB9fSwiTGluZVdlaWdodCI6MS4wLCJMaW5lVHlwZSI6MCwiUGFyZW50U3R5bGUiOm51bGx9LCJJc0JlbG93VGltZWJhbmQiOnRydWUsIlBvc2l0aW9uT25UYXNrIjozLCJIaWRlRGF0ZSI6ZmFsc2UsIlNoYXBlU2l6ZSI6MCwiU3BhY2luZyI6MC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EyNywiRyI6OTYsIkIiOjB9fSwiSXNWaXNpYmxlIjp0cnVlLCJXaWR0aCI6MTIuMCwiSGVpZ2h0IjoxNC4wLCJCb3JkZXJTdHlsZSI6eyIkaWQiOiIxMTgiLCJMaW5lQ29sb3IiOm51bGwsIkxpbmVXZWlnaHQiOjAuMCwiTGluZVR5cGUiOjAsIlBhcmVudFN0eWxlIjpudWxsfSwiUGFyZW50U3R5bGUiOm51bGx9LCJUaXRsZVN0eWxlIjp7IiRpZCI6IjExOSIsIkZvbnRTZXR0aW5ncyI6eyIkaWQiOiIxMjAiLCJGb250U2l6ZSI6MTEsIkZvbnROYW1lIjoiQ2FsaWJyaS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ZmFsc2UsIldpZHRoIjowLjAsIkhlaWdodCI6MC4wLCJCb3JkZXJTdHlsZSI6eyIkaWQiOiIxMjciLCJMaW5lQ29sb3IiOm51bGwsIkxpbmVXZWlnaHQiOjAuMCwiTGluZVR5cGUiOjAsIlBhcmVudFN0eWxlIjpudWxsfSwiUGFyZW50U3R5bGUiOm51bGx9LCJEYXRlU3R5bGUiOnsiJGlkIjoiMTI4IiwiRm9udFNldHRpbmdzIjp7IiRpZCI6IjEyOSIsIkZvbnRTaXplIjo5LCJGb250TmFtZSI6IkNhbGlicmkiLCJJc0JvbGQiOmZhbHNlLCJJc0l0YWxpYyI6ZmFsc2UsIklzVW5kZXJsaW5lZCI6ZmFsc2UsIlBhcmVudFN0eWxlIjpudWxsfSwiQXV0b1NpemUiOjAsIkZvcmVncm91bmQiOnsiJGlkIjoiMTMwIiwiQ29sb3IiOnsiJGlkIjoiMT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mYWxzZSwiV2lkdGgiOjAuMCwiSGVpZ2h0IjowLjAsIkJvcmRlclN0eWxlIjp7IiRpZCI6IjEzNiIsIkxpbmVDb2xvciI6bnVsbCwiTGluZVdlaWdodCI6MC4wLCJMaW5lVHlwZSI6MCwiUGFyZW50U3R5bGUiOm51bGx9LCJQYXJlbnRTdHlsZSI6bnVsbH0sIkRhdGVGb3JtYXQiOnsiJGlkIjoiM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mZhbHNlLCJXaWR0aCI6MC4wLCJIZWlnaHQiOjAuMCwiQm9yZGVyU3R5bGUiOnsiJGlkIjoiMTYzIiwiTGluZUNvbG9yIjpudWxsLCJMaW5lV2VpZ2h0IjowLjAsIkxpbmVUeXBlIjowLCJQYXJlbnRTdHlsZSI6bnVsbH0sIlBhcmVudFN0eWxlIjpudWxsfSwiRGF0ZVN0eWxlIjp7IiRpZCI6IjE2NCIsIkZvbnRTZXR0aW5ncyI6eyIkaWQiOiIxNjUiLCJGb250U2l6ZSI6OS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ZmFsc2UsIldpZHRoIjowLjAsIkhlaWdodCI6MC4wLCJCb3JkZXJTdHlsZSI6eyIkaWQiOiIxNzIiLCJMaW5lQ29sb3IiOm51bGwsIkxpbmVXZWlnaHQiOjAuMCwiTGluZVR5cGUiOjAsIlBhcmVudFN0eWxlIjpudWxsfSwiUGFyZW50U3R5bGUiOm51bGx9LCJEYXRlRm9ybWF0Ijp7IiRpZCI6IjE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mYWxzZSwiV2lkdGgiOjAuMCwiSGVpZ2h0IjowLjAsIkJvcmRlclN0eWxlIjp7IiRpZCI6IjE5OSIsIkxpbmVDb2xvciI6bnVsbCwiTGluZVdlaWdodCI6MC4wLCJMaW5lVHlwZSI6MCwiUGFyZW50U3R5bGUiOm51bGx9LCJQYXJlbnRTdHlsZSI6bnVsbH0sIkRhdGVTdHlsZSI6eyIkaWQiOiIyMDAiLCJGb250U2V0dGluZ3MiOnsiJGlkIjoiMjAxIiwiRm9udFNpemUiOjk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cmVmIjoiMTQ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HJlZiI6IjIwI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yZWYiOiIyMy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yNiJ9LCJMaW5lV2VpZ2h0IjoxLjAsIkxpbmVUeXBlIjowLCJQYXJlbnRTdHlsZSI6bnVsbH0sIlZlcnRpY2FsQ29ubmVjdG9yU3R5bGUiOnsiJGlkIjoiMjI4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pZCI6IjI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4IiwiVG9wIjowLjAsIkxlZnQiOjAuMCwiUmlnaHQiOjAuMCwiQm90dG9tIjowLjB9LCJQYWRkaW5nIjp7IiRpZCI6IjI0OSIsIlRvcCI6MC4wLCJMZWZ0IjowLjAsIlJpZ2h0IjowLjAsIkJvdHRvbSI6MC4wfSwiQmFja2dyb3VuZCI6eyIkcmVmIjoiNTQifSwiSXNWaXNpYmxlIjp0cnVlLCJXaWR0aCI6MC4wLCJIZWlnaHQiOjAuMCwiQm9yZGVyU3R5bGUiOnsiJGlkIjoiMjUwIiwiTGluZUNvbG9yIjpudWxsLCJMaW5lV2VpZ2h0IjowLjAsIkxpbmVUeXBlIjowLCJQYXJlbnRTdHlsZSI6bnVsbH0sIlBhcmVudFN0eWxlIjpudWxsfSwiRGF0ZUZvcm1hdCI6eyIkaWQiOiIyNTE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TI3LCJHIjo5NiwiQiI6MH19LCJJc1Zpc2libGUiOnRydWUsIldpZHRoIjoxMi4wLCJIZWlnaHQiOjE0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lRpdGxlU3R5bGUiOnsiJGlkIjoiMjY1IiwiRm9udFNldHRpbmdzIjp7IiRpZCI6IjI2NiIsIkZvbnRTaXplIjoxMSwiRm9udE5hbWUiOiJDYWxpYnJpIiwiSXNCb2xkIjpmYWxzZSwiSXNJdGFsaWMiOmZhbHNlLCJJc1VuZGVybGluZWQiOmZhbHNlLCJQYXJlbnRTdHlsZSI6bnVsbH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m51bGwsIlBhcmVudFN0eWxlIjpudWxsfSwiRGF0ZVN0eWxlIjp7IiRpZCI6IjI3MyIsIkZvbnRTZXR0aW5ncyI6eyIkaWQiOiIyNzQiLCJGb250U2l6ZSI6OS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ZmFsc2UsIldpZHRoIjowLjAsIkhlaWdodCI6MC4wLCJCb3JkZXJTdHlsZSI6bnVsbCwiUGFyZW50U3R5bGUiOm51bGx9LCJEYXRlRm9ybWF0Ijp7IiRpZCI6Ij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SZWN0YW5nbGV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2MywiUiI6MTY1LCJHIjoxNjUsIkIiOjE2NX1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m51bGwsIklzVmlzaWJsZSI6ZmFsc2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I1NSwiRyI6MTkyLCJCIjowfX0sIklzVmlzaWJsZSI6ZmFsc2UsIldpZHRoIjowLjAsIkhlaWdodCI6MC4wLCJCb3JkZXJTdHlsZSI6eyIkaWQiOiIzMjUiLCJMaW5lQ29sb3IiOnsiJGlkIjoiMzI2IiwiJHR5cGUiOiJOTFJFLkNvbW1vbi5Eb20uU29saWRDb2xvckJydXNoLCBOTFJFLkNvbW1vbiIsIkNvbG9yIjp7IiRpZCI6IjMyNyIsIkEiOjI1NSwiUiI6MjU1LCJHIjowLCJCIjowfX0sIkxpbmVXZWlnaHQiOjAuMCwiTGluZVR5cGUiOjAsIlBhcmVudFN0eWxlIjpudWxsfSwiUGFyZW50U3R5bGUiOm51bGx9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QmFja2dyb3VuZF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M4LCJSIjoyNTUsIkciOjE5MiwiQiI6MH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TcGFjaW5nIjo1LCJEZWZhdWx0U3dpbWxhbmVUYXNrU3R5bGUiOnsiJGlkIjoiMzM4IiwiJHR5cGUiOiJOTFJFLkNvbW1vbi5Eb20uU3R5bGVzLkV4cGxpY2l0U2V0YWJsZVRhc2tTdHlsZSwgTkxSRS5Db21tb24iLCJTaGFwZSI6MSwiU2hhcGVUaGlja25lc3MiOjAsIkR1cmF0aW9uRm9ybWF0IjowLCJJbmNsdWRlTm9uV29ya2luZ0RheXNJbkR1cmF0aW9uIjpmYWxzZSwiUGVyY2VudGFnZUNvbXBsZ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bnVsbC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bnVsbC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cmVmIjoiMzQ2In19LCJJc1Zpc2libGUiOnRydWUsIldpZHRoIjowLjAsIkhlaWdodCI6MC4wLCJCb3JkZXJTdHlsZSI6bnVsbC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jU1LCJSIjoxNjQsIkciOjEyNSwiQiI6MH19LCJMaW5lV2VpZ2h0IjoxLjAsIkxpbmVUeXBlIjowLCJQYXJlbnRTdHlsZSI6bnVsbH0sIklzQmVsb3dUaW1lYmFuZCI6dHJ1ZSwiUG9zaXRpb25PblRhc2siOjMsIkhpZGVEYXRlIjpmYWxzZSwiU2hhcGVTaXplIjowLCJTcGFjaW5nIjowLjAsIlBhZGRpbmciOnsiJGlkIjoiMzkxIiwiVG9wIjo3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I3LCJHIjo5NiwiQiI6MH19LCJJc1Zpc2libGUiOnRydWUsIldpZHRoIjoxMi4wLCJIZWlnaHQiOjE0LjAsIkJvcmRlclN0eWxlIjp7IiRpZCI6IjM5NyIsIkxpbmVDb2xvciI6eyIkaWQiOiIzOTgiLCIkdHlwZSI6Ik5MUkUuQ29tbW9uLkRvbS5Tb2xpZENvbG9yQnJ1c2gsIE5MUkUuQ29tbW9uIiwiQ29sb3IiOnsiJGlkIjoiMzk5IiwiQSI6MjU1LCJSIjoyMzQsIkciOjIyLCJCIjozMH19LCJMaW5lV2VpZ2h0IjowLjAsIkxpbmVUeXBlIjowLCJQYXJlbnRTdHlsZSI6bnVsbH0sIlBhcmVudFN0eWxlIjpudWxsfSwiVGl0bGVTdHlsZSI6eyIkaWQiOiI0MDAiLCJGb250U2V0dGluZ3MiOnsiJGlkIjoiNDAxIiwiRm9udFNpemUiOjEx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MCwiUiI6MjU1LCJHIjoyNTUsIkIiOjI1NX19LCJJc1Zpc2libGUiOmZhbHNlLCJXaWR0aCI6MC4wLCJIZWlnaHQiOjAuMCwiQm9yZGVyU3R5bGUiOm51bGwsIlBhcmVudFN0eWxlIjpudWxsfSwiRGF0ZVN0eWxlIjp7IiRpZCI6IjQwOCIsIkZvbnRTZXR0aW5ncyI6eyIkaWQiOiI0MDkiLCJGb250U2l6ZSI6OSwiRm9udE5hbWUiOiJDYWxpYnJpIiwiSXNCb2xkIjpmYWxzZSwiSXNJdGFsaWMiOmZhbHNlLCJJc1VuZGVybGluZWQiOmZhbHNlLCJQYXJlbnRTdHlsZSI6bnVsbH0sIkF1dG9TaXplIjowLCJGb3JlZ3JvdW5kIjp7IiRpZCI6IjQxMCIsIkNvbG9yIjp7IiRpZCI6IjQ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ZmFsc2UsIldpZHRoIjowLjAsIkhlaWdodCI6MC4wLCJCb3JkZXJTdHlsZSI6bnVsbCwiUGFyZW50U3R5bGUiOm51bGx9LCJEYXRlRm9ybWF0Ijp7IiRpZCI6IjQ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xNyIsIkRhdGVQYXJ0SXNWaXNpYmxlIjp0cnVlLCJUaW1lUGFydElzVmlzaWJsZSI6ZmFsc2V9fSwiV2Vla051bWJlcmluZyI6eyIkaWQiOiI0MTgiLCJGb3JtYXQiOjAsIklzVmlzaWJsZSI6ZmFsc2UsIkxhc3RLbm93blZpc2liaWxpdHlTdGF0ZSI6ZmFsc2V9LCJJc1Zpc2libGUiOnRydWUsIlBhcmVudFN0eWxlIjpudWxsfSwiRGVmYXVsdFN3aW1sYW5lTWlsZXN0b25lU3R5bGUiOnsiJGlkIjoiNDE5IiwiVGl0bGVQb3NpdGlvbiI6IlJpZ2h0IiwiRGF0ZVBvc2l0aW9uIjoiUmlnaHQiLCJTaGFwZVR5cGUiOjEsIlNoYXBlU2l6ZSI6MCwiU3BhY2luZyI6N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m51bGwsIlBhcmVudFN0eWxlIjpudWxsfSwiRGF0ZVN0eWxlIjp7IiRpZCI6IjQzNiIsIkZvbnRTZXR0aW5ncyI6eyIkaWQiOiI0MzciLCJGb250U2l6ZSI6OS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aWQiOiI0NDMiLCJBIjowLCJSIjoyNTUsIkciOjI1NSwiQiI6MjU1fX0sIklzVmlzaWJsZSI6ZmFsc2UsIldpZHRoIjowLjAsIkhlaWdodCI6MC4wLCJCb3JkZXJTdHlsZSI6bnVsbCwiUGFyZW50U3R5bGUiOm51bGx9LCJEYXRlRm9ybWF0Ijp7IiRpZCI6IjQ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m51bGwsIklzVmlzaWJsZSI6dHJ1ZSwiV2lkdGgiOjAuMCwiSGVpZ2h0IjowLjAsIkJvcmRlclN0eWxlIjpudWxsLCJQYXJlbnRTdHlsZSI6bnVsbH0sIlJlY3RhbmdsZV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YzLCJSIjoyNTUsIkciOjE5MiwiQiI6MH19LCJJc1Zpc2libGUiOnRydWUsIldpZHRoIjowLjAsIkhlaWdodCI6MC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yZWYiOiIxNCJ9LCJJc1Zpc2libGUiOnRydWUsIldpZHRoIjowLjAsIkhlaWdodCI6MC4wLCJCb3JkZXJTdHlsZSI6eyIkaWQiOiI0ODYiLCJMaW5lQ29sb3IiOm51bGwsIkxpbmVXZWlnaHQiOjAuMCwiTGluZVR5cGUiOjAsIlBhcmVudFN0eWxlIjpudWxsfSwiUGFyZW50U3R5bGUiOm51bGx9LCJEdXJhdGlvbl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jAi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Iz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I2In0sIkxpbmVXZWlnaHQiOjEuMCwiTGluZVR5cGUiOjAsIlBhcmVudFN0eWxlIjpudWxsfSwiVmVydGljYWxDb25uZWN0b3JTdHlsZSI6eyIkaWQiOiI0OT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k1IiwiTWFyZ2luIjp7IiRpZCI6IjQ5NiIsIlRvcCI6MC4wLCJMZWZ0Ijo0LjAsIlJpZ2h0Ijo0LjAsIkJvdHRvbSI6MC4wfSwiUGFkZGluZyI6eyIkaWQiOiI0OTciLCJUb3AiOjAuMCwiTGVmdCI6MC4wLCJSaWdodCI6MC4wLCJCb3R0b20iOjAuMH0sIkJhY2tncm91bmQiOnsiJGlkIjoiNDk4IiwiQ29sb3IiOnsiJGlkIjoiNDk5IiwiQSI6MjU1LCJSIjo2OCwiRyI6MTE0LCJCIjoxOTZ9fSwiSXNWaXNpYmxlIjp0cnVlLCJXaWR0aCI6MC4wLCJIZWlnaHQiOjEzLjQyNjY2NjY2NjY2NjY3NywiQm9yZGVyU3R5bGUiOnsiJGlkIjoiNTAwIiwiTGluZUNvbG9yIjp7IiRyZWYiOiIzNyJ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cmVmIjoiNTQi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HJlZiI6IjE0In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xMCwiRm9udE5hbWUiOiJDYWxpYnJpIiwiSXNCb2xkIjpmYWxzZSwiSXNJdGFsaWMiOmZhbHNlLCJJc1VuZGVybGluZWQiOmZhbHNlLCJQYXJlbnRTdHlsZSI6bnVsbH0sIkF1dG9TaXplIjowLCJGb3JlZ3JvdW5kIjp7IiRpZCI6IjUzMSIsIkNvbG9yIjp7IiRyZWYiOiIyMCJ9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cmVmIjoiMjMifSwiSXNWaXNpYmxlIjp0cnVlLCJXaWR0aCI6MC4wLCJIZWlnaHQiOjAuMCwiQm9yZGVyU3R5bGUiOnsiJGlkIjoiNTM0IiwiTGluZUNvbG9yIjpudWxsLCJMaW5lV2VpZ2h0IjowLjAsIkxpbmVUeXBlIjowLCJQYXJlbnRTdHlsZSI6bnVsbH0sIlBhcmVudFN0eWxlIjpudWxsfSwiSG9yaXpvbnRhbENvbm5lY3RvclN0eWxlIjp7IiRpZCI6IjUzNSIsIkxpbmVDb2xvciI6eyIkcmVmIjoiMjYifSwiTGluZVdlaWdodCI6MS4wLCJMaW5lVHlwZSI6MCwiUGFyZW50U3R5bGUiOm51bGx9LCJWZXJ0aWNhbENvbm5lY3RvclN0eWxlIjp7IiRpZCI6IjUzN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zciLCJNYXJnaW4iOnsiJGlkIjoiNTM4IiwiVG9wIjowLjAsIkxlZnQiOjQuMCwiUmlnaHQiOjQuMCwiQm90dG9tIjowLjB9LCJQYWRkaW5nIjp7IiRpZCI6IjUzOSIsIlRvcCI6MC4wLCJMZWZ0IjowLjAsIlJpZ2h0IjowLjAsIkJvdHRvbSI6MC4wfSwiQmFja2dyb3VuZCI6eyIkaWQiOiI1NDAiLCJDb2xvciI6eyIkaWQiOiI1NDEiLCJBIjoyNTUsIlIiOjY4LCJHIjoxMTQsIkIiOjE5Nn19LCJJc1Zpc2libGUiOnRydWUsIldpZHRoIjowLjAsIkhlaWdodCI6MTMuNDI2NjY2NjY2NjY2Njc3LCJCb3JkZXJTdHlsZSI6eyIkaWQiOiI1NDIiLCJMaW5lQ29sb3IiOnsiJHJlZiI6IjM3In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GlkIjoiNTU0IiwiQ29sb3IiOnsiJGlkIjoiN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1NCJ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HJlZiI6IjE0In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xMCwiRm9udE5hbWUiOiJDYWxpYnJpIiwiSXNCb2xkIjp0cnVlLCJJc0l0YWxpYyI6ZmFsc2UsIklzVW5kZXJsaW5lZCI6ZmFsc2UsIlBhcmVudFN0eWxlIjpudWxsfSwiQXV0b1NpemUiOjAsIkZvcmVncm91bmQiOnsiJGlkIjoiNTc0IiwiQ29sb3IiOnsiJGlkIjoiNTc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Ib3Jpem9udGFsQ29ubmVjdG9yU3R5bGUiOnsiJGlkIjoiNTgxIiwiTGluZUNvbG9yIjp7IiRyZWYiOiIyNiJ9LCJMaW5lV2VpZ2h0IjoxLjAsIkxpbmVUeXBlIjowLCJQYXJlbnRTdHlsZSI6bnVsbH0sIlZlcnRpY2FsQ29ubmVjdG9yU3R5bGUiOnsiJGlkIjoiNTgyIiwiTGluZUNvbG9yIjp7IiRyZWYiOiIyOSJ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NTgzIiwiTWFyZ2luIjp7IiRpZCI6IjU4NCIsIlRvcCI6MC4wLCJMZWZ0Ijo0LjAsIlJpZ2h0Ijo0LjAsIkJvdHRvbSI6MC4wfSwiUGFkZGluZyI6eyIkaWQiOiI1ODUiLCJUb3AiOjAuMCwiTGVmdCI6MC4wLCJSaWdodCI6MC4wLCJCb3R0b20iOjAuMH0sIkJhY2tncm91bmQiOnsiJGlkIjoiNTg2IiwiQ29sb3IiOnsiJGlkIjoiNTg3IiwiQSI6MjU1LCJSIjo2OCwiRyI6MTE0LCJCIjoxOTZ9fSwiSXNWaXNpYmxlIjp0cnVlLCJXaWR0aCI6MC4wLCJIZWlnaHQiOjE2LjAsIkJvcmRlclN0eWxlIjp7IiRpZCI6IjU4OCIsIkxpbmVDb2xvciI6eyIkcmVmIjoiMzci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eyIkaWQiOiI2MDYiLCJMaW5lQ29sb3IiOm51bGwsIkxpbmVXZWlnaHQiOjAuMCwiTGluZVR5cGUiOjAsIlBhcmVudFN0eWxlIjpudWxsfSwiUGFyZW50U3R5bGUiOm51bGx9LCJEYXRlRm9ybWF0Ijp7IiRpZCI6I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aWQiOiI2NDAiLCJDb2xvciI6eyIkaWQiOiI2NDEiLCJBIjowLCJSIjoyNTUsIkciOjI1NSwiQiI6MjU1fX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ciLCJUb3AiOjAuMCwiTGVmdCI6MC4wLCJSaWdodCI6MC4wLCJCb3R0b20iOjAuMH0sIlBhZGRpbmciOnsiJGlkIjoiNjQ4IiwiVG9wIjowLjAsIkxlZnQiOjAuMCwiUmlnaHQiOjAuMCwiQm90dG9tIjowLjB9LCJCYWNrZ3JvdW5kIjp7IiRyZWYiOiI1NCJ9LCJJc1Zpc2libGUiOnRydWUsIldpZHRoIjowLjAsIkhlaWdodCI6MC4wLCJCb3JkZXJTdHlsZSI6eyIkaWQiOiI2NDkiLCJMaW5lQ29sb3IiOm51bGwsIkxpbmVXZWlnaHQiOjAuMCwiTGluZVR5cGUiOjAsIlBhcmVudFN0eWxlIjpudWxsfSwiUGFyZW50U3R5bGUiOm51bGx9LCJEYXRlRm9ybWF0Ijp7IiRpZCI6IjY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yZWYiOiIxNCJ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cmVmIjoiMjAi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HJlZiI6IjIzIn0sIklzVmlzaWJsZSI6dHJ1ZSwiV2lkdGgiOjAuMCwiSGVpZ2h0IjowLjAsIkJvcmRlclN0eWxlIjp7IiRpZCI6IjY2NyIsIkxpbmVDb2xvciI6bnVsbCwiTGluZVdlaWdodCI6MC4wLCJMaW5lVHlwZSI6MCwiUGFyZW50U3R5bGUiOm51bGx9LCJQYXJlbnRTdHlsZSI6bnVsbH0sIkhvcml6b250YWxDb25uZWN0b3JTdHlsZSI6eyIkaWQiOiI2NjgiLCJMaW5lQ29sb3IiOnsiJHJlZiI6IjI2In0sIkxpbmVXZWlnaHQiOjEuMCwiTGluZVR5cGUiOjAsIlBhcmVudFN0eWxlIjpudWxsfSwiVmVydGljYWxDb25uZWN0b3JTdHlsZSI6eyIkaWQiOiI2Nj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U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m51bGwsIklzVmlzaWJsZSI6dHJ1ZSwiV2lkdGgiOjAuMCwiSGVpZ2h0IjowLjAsIkJvcmRlclN0eWxlIjpudWxsLCJQYXJlbnRTdHlsZSI6bnVsbH0sIlJlY3RhbmdsZV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Yz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U3R5bGUiOnsiJGlkIjoiNzg0IiwiRm9udFNldHRpbmdzIjp7IiRpZCI6Ijc4NSIsIkZvbnRTaXplIjoxMCwiRm9udE5hbWUiOiJDYWxpYnJpIiwiSXNCb2xkIjpmYWxzZSwiSXNJdGFsaWMiOmZhbHNlLCJJc1VuZGVybGluZWQiOmZhbHNlLCJQYXJlbnRTdHlsZSI6bnVsbH0sIkF1dG9TaXplIjowLCJGb3JlZ3JvdW5kIjp7IiRpZCI6Ijc4NiIsIkNvbG9yIjp7IiRpZCI6Ijc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cmVmIjoiNzU0In19LCJJc1Zpc2libGUiOnRydWUsIldpZHRoIjowLjAsIkhlaWdodCI6MC4wLCJCb3JkZXJTdHlsZSI6bnVsbC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LCJfZXhwbGljaXRseVNldCI6eyIkaWQiOiI3O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g5LCJSIjowLCJHIjowLCJCIjowfX0sIklzVmlzaWJsZSI6dHJ1ZSwiV2lkdGgiOjAuMCwiSGVpZ2h0IjowLjAsIkJvcmRlclN0eWxlIjpudWxsLCJQYXJlbnRTdHlsZSI6bnVsbH0sIkRhdGVTdHlsZSI6eyIkaWQiOiI4MTYiLCJGb250U2V0dGluZ3MiOnsiJGlkIjoiODE3IiwiRm9udFNpemUiOjksIkZvbnROYW1lIjoiQ2FsaWJyaSIsIklzQm9sZCI6ZmFsc2UsIklzSXRhbGljIjpmYWxzZSwiSXNVbmRlcmxpbmVkIjpmYWxzZSwiUGFyZW50U3R5bGUiOm51bGx9LCJBdXRvU2l6ZSI6MCwiRm9yZWdyb3VuZCI6eyIkaWQiOiI4MTgiLCJDb2xvciI6eyIkaWQiOiI4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HJlZiI6IjgxNSJ9fSwiSXNWaXNpYmxlIjp0cnVlLCJXaWR0aCI6MC4wLCJIZWlnaHQiOjAuMCwiQm9yZGVyU3R5bGUiOm51bGwsIlBhcmVudFN0eWxlIjpudWxsfSwiRGF0ZUZvcm1hdCI6eyIkaWQiOiI4Mj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jQiLCJEYXRlUGFydElzVmlzaWJsZSI6dHJ1ZSwiVGltZVBhcnRJc1Zpc2libGUiOmZhbHNlfX0sIldlZWtOdW1iZXJpbmciOnsiJGlkIjoiODI1IiwiRm9ybWF0IjowLCJJc1Zpc2libGUiOmZhbHNlLCJMYXN0S25vd25WaXNpYmlsaXR5U3RhdGUiOmZhbHNlfSwiSXNWaXNpYmxlIjp0cnVlLCJQYXJlbnRTdHlsZSI6bnVsbH0sIkRlZmF1bHRTd2ltbGFuZU1pbGVzdG9uZVN0eWxlIjp7IiRpZCI6IjgyNiIsIlRpdGxlUG9zaXRpb24iOiJSaWdodCIsIkRhdGVQb3NpdGlvbiI6IkxlZnQiLCJTaGFwZVR5cGUiOjEsIlNoYXBlU2l6ZSI6MSwiU3BhY2luZyI6N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ODksIlIiOjAsIkciOjAsIkIiOjB9fSwiSXNWaXNpYmxlIjp0cnVlLCJXaWR0aCI6MC4wLCJIZWlnaHQiOjAuMCwiQm9yZGVyU3R5bGUiOm51bGwsIlBhcmVudFN0eWxlIjpudWxsfSwiRGF0ZVN0eWxlIjp7IiRpZCI6Ijg0MyIsIkZvbnRTZXR0aW5ncyI6eyIkaWQiOiI4NDQiLCJGb250U2l6ZSI6OSwiRm9udE5hbWUiOiJDYWxpYnJpIiwiSXNCb2xkIjpmYWxzZSwiSXNJdGFsaWMiOmZhbHNlLCJJc1VuZGVybGluZWQiOmZhbHNlLCJQYXJlbnRTdHlsZSI6bnVsbH0sIkF1dG9TaXplIjowLCJGb3JlZ3JvdW5kIjp7IiRpZCI6Ijg0NSIsIkNvbG9yIjp7IiRpZCI6Ijg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4OSwiUiI6MCwiRyI6MCwiQiI6MH19LCJJc1Zpc2libGUiOnRydWUsIldpZHRoIjowLjAsIkhlaWdodCI6MC4wLCJCb3JkZXJTdHlsZSI6bnVsbCwiUGFyZW50U3R5bGUiOm51bGx9LCJEYXRlRm9ybWF0Ijp7IiRpZCI6Ijg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YzLCJSIjo2OCwiRyI6MTE0LCJCIjoxOTZ9fSwiSXNWaXNpYmxlIjp0cnVlLCJXaWR0aCI6MC4wLCJIZWlnaHQiOjA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Dk2IiwiQ29sb3IiOnsiJGlkIjoiODk3IiwiQSI6MCwiUiI6MjU1LCJHIjoyNTUsIkIiOjI1NX19LCJJc1Zpc2libGUiOnRydWUsIldpZHRoIjowLjAsIkhlaWdodCI6MC4wLCJCb3JkZXJTdHlsZSI6bnVsbCwiUGFyZW50U3R5bGUiOm51bGx9LCJEYXRlU3R5bGUiOnsiJGlkIjoiODk4IiwiRm9udFNldHRpbmdzIjp7IiRpZCI6Ijg5OSIsIkZvbnRTaXplIjo5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wMiIsIkNvbG9yIjp7IiRpZCI6IjkwMyIsIkEiOjAsIlIiOjI1NSwiRyI6MjU1LCJCIjoyNTV9fSwiSXNWaXNpYmxlIjp0cnVlLCJXaWR0aCI6MC4wLCJIZWlnaHQiOjAuMCwiQm9yZGVyU3R5bGUiOm51bGwsIlBhcmVudFN0eWxlIjpudWxsfSwiRGF0ZUZvcm1hdCI6eyIkaWQiOiI5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TE3IiwiQ29sb3IiOnsiJGlkIjoiOTE4IiwiQSI6MCwiUiI6MjU1LCJHIjoyNTUsIkIiOjI1NX19LCJJc1Zpc2libGUiOnRydWUsIldpZHRoIjowLjAsIkhlaWdodCI6MC4wLCJCb3JkZXJTdHlsZSI6bnVsbCwiUGFyZW50U3R5bGUiOm51bGx9LCJEYXRlU3R5bGUiOnsiJGlkIjoiOTE5IiwiRm9udFNldHRpbmdzIjp7IiRpZCI6IjkyMCIsIkZvbnRTaXplIjo5LCJGb250TmFtZSI6IkNhbGlicmkiLCJJc0JvbGQiOmZhbHNlLCJJc0l0YWxpYyI6ZmFsc2UsIklzVW5kZXJsaW5lZCI6ZmFsc2UsIlBhcmVudFN0eWxlIjpudWxsfSwiQXV0b1NpemUiOjAsIkZvcmVncm91bmQiOnsiJGlkIjoiOTIxIiwiQ29sb3IiOnsiJGlkIjoiO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yMyIsIkNvbG9yIjp7IiRpZCI6IjkyNCIsIkEiOjAsIlIiOjI1NSwiRyI6MjU1LCJCIjoyNTV9fSwiSXNWaXNpYmxlIjp0cnVlLCJXaWR0aCI6MC4wLCJIZWlnaHQiOjAuMCwiQm9yZGVyU3R5bGUiOm51bGwsIlBhcmVudFN0eWxlIjpudWxsfSwiRGF0ZUZvcm1hdCI6eyIkaWQiOiI5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2OSJ9LCJQYWRkaW5nIjp7IiRyZWYiOiIyNzAifSwiQmFja2dyb3VuZCI6eyIkaWQiOiI5MzkiLCJDb2xvciI6eyIkaWQiOiI5NDAiLCJBIjowLCJSIjoyNTUsIkciOjI1NSwiQiI6MjU1fX0sIklzVmlzaWJsZSI6dHJ1ZSwiV2lkdGgiOjAuMCwiSGVpZ2h0IjowLjAsIkJvcmRlclN0eWxlIjpudWxsLCJQYXJlbnRTdHlsZSI6bnVsbH0sIkRhdGVTdHlsZSI6eyIkaWQiOiI5NDEiLCJGb250U2V0dGluZ3MiOnsiJGlkIjoiOTQyIiwiRm9udFNpemUiOjk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zcifSwiUGFkZGluZyI6eyIkcmVmIjoiMjc4In0sIkJhY2tncm91bmQiOnsiJGlkIjoiOTQ1IiwiQ29sb3IiOnsiJGlkIjoiOTQ2IiwiQSI6MCwiUiI6MjU1LCJHIjoyNTUsIkIiOjI1NX19LCJJc1Zpc2libGUiOnRydWUsIldpZHRoIjowLjAsIkhlaWdodCI6MC4wLCJCb3JkZXJTdHlsZSI6bnVsbCwiUGFyZW50U3R5bGUiOm51bGx9LCJEYXRlRm9ybWF0Ijp7IiRpZCI6Ijk0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Y5In0sIlBhZGRpbmciOnsiJHJlZiI6IjI3MCJ9LCJCYWNrZ3JvdW5kIjp7IiRpZCI6Ijk2MCIsIkNvbG9yIjp7IiRpZCI6Ijk2MSIsIkEiOjAsIlIiOjI1NSwiRyI6MjU1LCJCIjoyNTV9fSwiSXNWaXNpYmxlIjp0cnVlLCJXaWR0aCI6MC4wLCJIZWlnaHQiOjAuMCwiQm9yZGVyU3R5bGUiOm51bGw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NyJ9LCJQYWRkaW5nIjp7IiRyZWYiOiIyNzgifSwiQmFja2dyb3VuZCI6eyIkaWQiOiI5NjYiLCJDb2xvciI6eyIkaWQiOiI5NjciLCJBIjowLCJSIjoyNTUsIkciOjI1NSwiQiI6MjU1fX0sIklzVmlzaWJsZSI6dHJ1ZSwiV2lkdGgiOjAuMCwiSGVpZ2h0IjowLjAsIkJvcmRlclN0eWxlIjpudWxsLCJQYXJlbnRTdHlsZSI6bnVsbH0sIkRhdGVGb3JtYXQiOnsiJGlkIjoiOTY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m51bGwsIklzVmlzaWJsZSI6dHJ1ZSwiV2lkdGgiOjAuMCwiSGVpZ2h0IjowLjAsIkJvcmRlclN0eWxlIjpudWxsLCJQYXJlbnRTdHlsZSI6bnVsbH0sIlJlY3Rhbmds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NTEsIlIiOjE2NSwiRyI6MTY1LCJCIjoxNjV9fSwiSXNWaXNpYmxlIjp0cnV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ODksIlIiOjAsIkciOjAsIkIiOjB9fSwiSXNWaXNpYmxlIjp0cnVlLCJXaWR0aCI6MC4wLCJIZWlnaHQiOjAuMCwiQm9yZGVyU3R5bGUiOm51bGwsIlBhcmVudFN0eWxlIjpudWxsfSwiRHVyYXRpb25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HJlZiI6IjEwMjkifX0sIklzVmlzaWJsZSI6dHJ1ZSwiV2lkdGgiOjAuMCwiSGVpZ2h0IjowLjAsIkJvcmRlclN0eWxlIjpudWxsLCJQYXJlbnRTdHlsZSI6bnVsbH0sIkRhdGV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cmVmIjoiMTAyOSJ9fSwiSXNWaXNpYmxlIjp0cnVlLCJXaWR0aCI6MC4wLCJIZWlnaHQiOjAuMCwiQm9yZGVyU3R5bGUiOm51bGwsIlBhcmVudFN0eWxlIjpudWxsfSwiRGF0ZUZvcm1hdCI6eyIkaWQiOiIxM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YiLCJGb3JtYXQiOjAsIklzVmlzaWJsZSI6ZmFsc2UsIkxhc3RLbm93blZpc2liaWxpdHlTdGF0ZSI6ZmFsc2V9LCJJc1Zpc2libGUiOnRydWUsIlBhcmVudFN0eWxlIjpudWxsLCJfZXhwbGljaXRseVNldCI6eyIkaWQiOiIxMD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NiIsIlRvcCI6MC4wLCJMZWZ0IjowLjAsIlJpZ2h0IjowLjAsIkJvdHRvbSI6MC4wfSwiUGFkZGluZyI6eyIkaWQiOiIxMDg3IiwiVG9wIjowLjAsIkxlZnQiOjAuMCwiUmlnaHQiOjAuMCwiQm90dG9tIjowLjB9LCJCYWNrZ3JvdW5kIjp7IiRpZCI6IjEwODgiLCJDb2xvciI6eyIkaWQiOiIxMDg5IiwiQSI6ODksIlIiOjAsIkciOjAsIkIiOjB9fSwiSXNWaXNpYmxlIjp0cnVlLCJXaWR0aCI6MC4wLCJIZWlnaHQiOjAuMCwiQm9yZGVyU3R5bGUiOm51bGwsIlBhcmVudFN0eWxlIjpudWxsfSwiRGF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HJlZiI6IjEwODkifX0sIklzVmlzaWJsZSI6dHJ1ZSwiV2lkdGgiOjAuMCwiSGVpZ2h0IjowLjAsIkJvcmRlclN0eWxlIjpudWxsLCJQYXJlbnRTdHlsZSI6bnVsbH0sIkRhdGVGb3JtYXQiOnsiJGlkIjoiMTA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EZWZhdWx0U3dpbWxhbmVNaWxlc3RvbmVTdHlsZSI6eyIkaWQiOiIxMTAwIiwiVGl0bGVQb3NpdGlvbiI6IkxlZnQiLCJEYXRlUG9zaXRpb24iOiJSaWdodCIsIlNoYXBlVHlwZSI6MTcsIlNoYXBlU2l6ZSI6MCwiU3BhY2luZyI6N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AsIlIiOjI1NSwiRyI6MjU1LCJCIjoyNTV9fSwiSXNWaXNpYmxlIjp0cnVlLCJXaWR0aCI6MC4wLCJIZWlnaHQiOjAuMCwiQm9yZGVyU3R5bGUiOm51bGwsIlBhcmVudFN0eWxlIjpudWxsfSwiRGF0ZVN0eWxlIjp7IiRpZCI6IjExMTciLCJGb250U2V0dGluZ3MiOnsiJGlkIjoiMTExOCIsIkZvbnRTaXplIjo5LCJGb250TmFtZSI6IkNhbGlicmkiLCJJc0JvbGQiOmZhbHNlLCJJc0l0YWxpYyI6ZmFsc2UsIklzVW5kZXJsaW5lZCI6ZmFsc2UsIlBhcmVudFN0eWxlIjpudWxsfSwiQXV0b1NpemUiOjAsIkZvcmVncm91bmQiOnsiJGlkIjoiMTExOSIsIkNvbG9yIjp7IiRpZCI6IjE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eyIkaWQiOiIxMTIzIiwiQ29sb3IiOnsiJGlkIjoiMTEyNCIsIkEiOjAsIlIiOjI1NSwiRyI6MjU1LCJCIjoyNTV9fSwiSXNWaXNpYmxlIjp0cnVlLCJXaWR0aCI6MC4wLCJIZWlnaHQiOjAuMCwiQm9yZGVyU3R5bGUiOm51bGwsIlBhcmVudFN0eWxlIjpudWxsfSwiRGF0ZUZvcm1hdCI6eyIkaWQiOiIxMTI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udWxsLCJQYXJlbnRTdHlsZSI6bnVsbH0sIkRhdGVTdHlsZSI6eyIkaWQiOiIxMjcyIiwiRm9udFNldHRpbmdzIjp7IiRpZCI6IjEyNzMiLCJGb250U2l6ZSI6OSwiRm9udE5hbWUiOiJDYWxpYnJpIiwiSXNCb2xkIjpmYWxzZSwiSXNJdGFsaWMiOmZhbHNlLCJJc1VuZGVybGluZWQiOmZhbHNlLCJQYXJlbnRTdHlsZSI6bnVsbH0sIkF1dG9TaXplIjowLCJGb3JlZ3JvdW5kIjp7IiRpZCI6IjEyNzQiLCJDb2xvciI6eyIkaWQiOiIx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udWxsLCJQYXJlbnRTdHlsZSI6bnVsbH0sIkRhdGVGb3JtYXQiOnsiJGlkIjoiMTI4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ODEiLCJEYXRlUGFydElzVmlzaWJsZSI6dHJ1ZSwiVGltZVBhcnRJc1Zpc2libGUiOmZhbHNlfX0sIldlZWtOdW1iZXJpbmciOnsiJGlkIjoiMTI4MiIsIkZvcm1hdCI6MCwiSXNWaXNpYmxlIjpmYWxzZSwiTGFzdEtub3duVmlzaWJpbGl0eVN0YXRlIjpmYWxzZX0sIklzVmlzaWJsZSI6dHJ1ZSwiUGFyZW50U3R5bGUiOm51bGx9LCJEZWZhdWx0TW90U3R5bGUiOnsiJGlkIjoiMTI4MyIsIlNoYXBlIjoxMy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wLCJSIjoyNTUsIkciOjI1NSwiQiI6MjU1fX0sIklzVmlzaWJsZSI6dHJ1ZSwiV2lkdGgiOjAuMCwiSGVpZ2h0IjowLjAsIkJvcmRlclN0eWxlIjpudWxsLCJQYXJlbnRTdHlsZSI6bnVsbH0sIkRhdGVTdHlsZSI6eyIkaWQiOiIxMzA1IiwiRm9udFNldHRpbmdzIjp7IiRpZCI6IjEzMDYiLCJGb250U2l6ZSI6OSwiRm9udE5hbWUiOiJDYWxpYnJpIiwiSXNCb2xkIjpmYWxzZSwiSXNJdGFsaWMiOmZhbHNlLCJJc1VuZGVybGluZWQiOmZhbHNlLCJQYXJlbnRTdHlsZSI6bnVsbH0sIkF1dG9TaXplIjowLCJGb3JlZ3JvdW5kIjp7IiRpZCI6IjEzMDciLCJDb2xvciI6eyIkaWQiOiIxMz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pZCI6IjEzMTIiLCJBIjowLCJSIjoyNTUsIkciOjI1NSwiQiI6MjU1fX0sIklzVmlzaWJsZSI6dHJ1ZSwiV2lkdGgiOjAuMCwiSGVpZ2h0IjowLjAsIkJvcmRlclN0eWxlIjpudWxsLCJQYXJlbnRTdHlsZSI6bnVsbH0sIkRhdGVGb3JtYXQiOnsiJGlkIjoiMTMx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zMTQiLCJEYXRlUGFydElzVmlzaWJsZSI6dHJ1ZSwiVGltZVBhcnRJc1Zpc2libGUiOmZhbHNlfX0sIldlZWtOdW1iZXJpbmciOnsiJGlkIjoiMTMxNSIsIkZvcm1hdCI6MCwiSXNWaXNpYmxlIjpmYWxzZSwiTGFzdEtub3duVmlzaWJpbGl0eVN0YXRlIjpmYWxzZX0sIklzVmlzaWJsZSI6dHJ1ZSwiUGFyZW50U3R5bGUiOm51bGx9LCJEZWZhdWx0VGFza1N0eWxlIjp7IiRpZCI6IjEzMTYiLCJTaGFwZSI6MCwiU2hhcGVUaGlja25lc3MiOjEsIkR1cmF0aW9uRm9ybWF0Ijow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cmVmIjoiMTUifX0sIklzVmlzaWJsZSI6dHJ1ZSwiV2lkdGgiOjAuMCwiSGVpZ2h0IjowLjAsIkJvcmRlclN0eWxlIjpudWxsLCJQYXJlbnRTdHlsZSI6bnVsbH0sIkRhdGVTdHlsZSI6eyIkaWQiOiIxMzQzIiwiRm9udFNldHRpbmdzIjp7IiRpZCI6IjEzNDQiLCJGb250U2l6ZSI6MTA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yZWYiOiI1NCJ9LCJJc1Zpc2libGUiOnRydWUsIldpZHRoIjowLjAsIkhlaWdodCI6MC4wLCJCb3JkZXJTdHlsZSI6bnVsbCwiUGFyZW50U3R5bGUiOm51bGx9LCJEYXRlRm9ybWF0Ijp7IiRpZCI6IjEz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MCIsIkZvcm1hdCI6MCwiSXNWaXNpYmxlIjpmYWxzZSwiTGFzdEtub3duVmlzaWJpbGl0eVN0YXRlIjpmYWxzZX0sIklzVmlzaWJsZSI6dHJ1ZSwiUGFyZW50U3R5bGUiOm51bGwsIl9leHBsaWNpdGx5U2V0Ijp7IiRpZCI6IjEz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mYWxzZSwiSXNJdGFsaWMiOmZhbHNlLCJJc1VuZGVybGluZWQiOmZhbHNlLCJQYXJlbnRTdHlsZSI6bnVsbH0sIkF1dG9TaXplIjowLCJGb3JlZ3JvdW5kIjp7IiRpZCI6IjEzNjMiLCJDb2xvciI6eyIkaWQiOiIx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g5LCJSIjowLCJHIjowLCJCIjowfX0sIklzVmlzaWJsZSI6dHJ1ZSwiV2lkdGgiOjAuMCwiSGVpZ2h0IjowLjAsIkJvcmRlclN0eWxlIjpudWxsLCJQYXJlbnRTdHlsZSI6bnVsbH0sIkRhdGVTdHlsZSI6eyIkaWQiOiIxMzY5IiwiRm9udFNldHRpbmdzIjp7IiRpZCI6IjEzNzAiLCJGb250U2l6ZSI6OSwiRm9udE5hbWUiOiJDYWxpYnJpIiwiSXNCb2xkIjpmYWxzZSwiSXNJdGFsaWMiOmZhbHNlLCJJc1VuZGVybGluZWQiOmZhbHNlLCJQYXJlbnRTdHlsZSI6bnVsbH0sIkF1dG9TaXplIjowLCJGb3JlZ3JvdW5kIjp7IiRpZCI6IjEzNzEiLCJDb2xvciI6eyIkaWQiOiIxM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4OSwiUiI6MCwiRyI6MCwiQiI6MH19LCJJc1Zpc2libGUiOnRydWUsIldpZHRoIjowLjAsIkhlaWdodCI6MC4wLCJCb3JkZXJTdHlsZSI6bnVsbCwiUGFyZW50U3R5bGUiOm51bGx9LCJEYXRlRm9ybWF0Ijp7IiRpZCI6IjEzNz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A3IiwiVG9wIjowLjAsIkxlZnQiOjAuMCwiUmlnaHQiOjAuMCwiQm90dG9tIjowLjB9LCJQYWRkaW5nIjp7IiRpZCI6IjE0MDgiLCJUb3AiOjAuMCwiTGVmdCI6MC4wLCJSaWdodCI6MC4wLCJCb3R0b20iOjAuMH0sIkJhY2tncm91bmQiOm51bGwsIklzVmlzaWJsZSI6ZmFsc2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MzgsIlIiOjI1NSwiRyI6MTkyLCJCIjow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NSwiRGVmYXVsdFN3aW1sYW5lVGFza1N0eWxlIjp7IiRpZCI6IjE0MjciLCIkdHlwZSI6Ik5MUkUuQ29tbW9uLkRvbS5TdHlsZXMuRXhwbGljaXRTZXRhYmxlVGFza1N0eWxlLCBOTFJFLkNvbW1vbiIsIlNoYXBlIjoxLCJTaGFwZVRoaWNrbmVzcyI6MC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udWxsLCJQYXJlbnRTdHlsZSI6bnVsbH0sIkhvcml6b250YWxDb25uZWN0b3JTdHlsZSI6eyIkaWQiOiIxNDMyIiwiTGluZUNvbG9yIjp7IiRyZWYiOiIzNTUifSwiTGluZVdlaWdodCI6MS4wLCJMaW5lVHlwZSI6MCwiUGFyZW50U3R5bGUiOm51bGx9LCJWZXJ0aWNhbENvbm5lY3RvclN0eWxlIjp7IiRpZCI6IjE0MzMiLCJMaW5lQ29sb3IiOnsiJHJlZiI6IjM1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udWxsLCJJc1Zpc2libGUiOmZhbHN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zgsIlIiOjY4LCJHIjoxMTQsIkIiOjE5Nn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U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U0NSIsIlRvcCI6MC4wLCJMZWZ0IjowLjAsIlJpZ2h0IjowLjAsIkJvdHRvbSI6MC4wfSwiUGFkZGluZyI6eyIkaWQiOiIxNTQ2IiwiVG9wIjowLjAsIkxlZnQiOjAuMCwiUmlnaHQiOjAuMCwiQm90dG9tIjowLjB9LCJCYWNrZ3JvdW5kIjpudWxsLCJJc1Zpc2libGUiOmZhbHNlLCJXaWR0aCI6MC4wLCJIZWlnaHQiOjAuMCwiQm9yZGVyU3R5bGUiOm51bGwsIlBhcmVudFN0eWxlIjpudWxsfSwiUmVjdGFuZ2xl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0NiIsIkRhdGVQYXJ0SXNWaXNpYmxlIjp0cnVlLCJUaW1lUGFydElzVmlzaWJsZSI6ZmFsc2V9fSwiV2Vla051bWJlcmluZyI6eyIkaWQiOiIxNjQ3IiwiRm9ybWF0IjowLCJJc1Zpc2libGUiOmZhbHNlLCJMYXN0S25vd25WaXNpYmlsaXR5U3RhdGUiOmZhbHNlfSwiSXNWaXNpYmxlIjp0cnVlLCJQYXJlbnRTdHlsZSI6bnVsbH0sIkluZGV4IjowLCJQZXJjZW50YWdlQ29tcGxldGUiOm51bGwsIlBvc2l0aW9uIjp7IlJhdGlvIjowLjAsIklzQ3VzdG9tIjpmYWxzZX0sIkRhdGVGb3JtYXQiOnsiJHJlZiI6IjE2NDUifSwiV2Vla051bWJlcmluZyI6eyIkaWQiOiIxNjQ4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RhdGVGb3JtYXQiOnsiJGlkIjoiMTcx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MTgiLCJEYXRlUGFydElzVmlzaWJsZSI6dHJ1ZSwiVGltZVBhcnRJc1Zpc2libGUiOmZhbHNlfX0sIldlZWtOdW1iZXJpbmciOnsiJGlkIjoiMTcxOSIsIkZvcm1hdCI6MCwiSXNWaXNpYmxlIjpmYWxzZSwiTGFzdEtub3duVmlzaWJpbGl0eVN0YXRlIjpmYWxzZX0sIklzVmlzaWJsZSI6dHJ1ZSwiUGFyZW50U3R5bGUiOm51bGx9LCJJbmRleCI6MiwiUGVyY2VudGFnZUNvbXBsZXRlIjpudWxsLCJQb3NpdGlvbiI6eyJSYXRpbyI6MC4wLCJJc0N1c3RvbSI6ZmFsc2V9LCJEYXRlRm9ybWF0Ijp7IiRyZWYiOiIxNzE3In0sIldlZWtOdW1iZXJpbmciOnsiJGlkIjoiMTcyMC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GlkIjoiMTc1MSIsIkEiOjAsIlIiOjI1NSwiRyI6MjU1LCJCIjoyNTV9fSwiSXNWaXNpYmxlIjp0cnVlLCJXaWR0aCI6MC4wLCJIZWlnaHQiOjAuMCwiQm9yZGVyU3R5bGUiOnsiJGlkIjoiMTc1MiIsIkxpbmVDb2xvciI6bnVsbCwiTGluZVdlaWdodCI6MC4wLCJMaW5lVHlwZSI6MCwiUGFyZW50U3R5bGUiOm51bGx9LCJQYXJlbnRTdHlsZSI6bnVsbH0sIkRhdGVGb3JtYXQiOnsiJGlkIjoiMT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TQiLCJEYXRlUGFydElzVmlzaWJsZSI6dHJ1ZSwiVGltZVBhcnRJc1Zpc2libGUiOmZhbHNlfX0sIldlZWtOdW1iZXJpbmciOnsiJGlkIjoiMTc1NSIsIkZvcm1hdCI6MCwiSXNWaXNpYmxlIjpmYWxzZSwiTGFzdEtub3duVmlzaWJpbGl0eVN0YXRlIjpmYWxzZX0sIklzVmlzaWJsZSI6dHJ1ZSwiUGFyZW50U3R5bGUiOm51bGx9LCJJbmRleCI6MywiUGVyY2VudGFnZUNvbXBsZXRlIjpudWxsLCJQb3NpdGlvbiI6eyJSYXRpbyI6MC4wLCJJc0N1c3RvbSI6ZmFsc2V9LCJEYXRlRm9ybWF0Ijp7IiRyZWYiOiIxNzUzIn0sIldlZWtOdW1iZXJpbmciOnsiJGlkIjoiMTc1Ni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pZCI6IjE3ODciLCJBIjowLCJSIjoyNTUsIkciOjI1NSwiQiI6MjU1fX0sIklzVmlzaWJsZSI6dHJ1ZSwiV2lkdGgiOjAuMCwiSGVpZ2h0IjowLjAsIkJvcmRlclN0eWxlIjp7IiRpZCI6IjE3ODgiLCJMaW5lQ29sb3IiOm51bGwsIkxpbmVXZWlnaHQiOjAuMCwiTGluZVR5cGUiOjAsIlBhcmVudFN0eWxlIjpudWxsfSwiUGFyZW50U3R5bGUiOm51bGx9LCJEYXRlRm9ybWF0Ijp7IiRpZCI6IjE3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kwIiwiRGF0ZVBhcnRJc1Zpc2libGUiOnRydWUsIlRpbWVQYXJ0SXNWaXNpYmxlIjpmYWxzZX19LCJXZWVrTnVtYmVyaW5nIjp7IiRpZCI6IjE3OTEiLCJGb3JtYXQiOjAsIklzVmlzaWJsZSI6ZmFsc2UsIkxhc3RLbm93blZpc2liaWxpdHlTdGF0ZSI6ZmFsc2V9LCJJc1Zpc2libGUiOnRydWUsIlBhcmVudFN0eWxlIjpudWxsfSwiSW5kZXgiOjQsIlBlcmNlbnRhZ2VDb21wbGV0ZSI6bnVsbCwiUG9zaXRpb24iOnsiUmF0aW8iOjAuMCwiSXNDdXN0b20iOmZhbHNlfSwiRGF0ZUZvcm1hdCI6eyIkcmVmIjoiMTc4OSJ9LCJXZWVrTnVtYmVyaW5nIjp7IiRpZCI6IjE3OTI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xMjQsXCJHXCI6MTI0LFwiQlwiOjEy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1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zNi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NS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0cnV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dHJ1ZSxcIlNlZ21lbnRTZXBhcmF0b3JPcGFjaXR5XCI6MzAsXCJTaGFwZVwiOjAsXCJIYXNCZWVuVmlzaWJsZUJlZm9yZVwiOmZhbHNlLFwiRm9udFNldHRpbmdzXCI6e1wiJGlkXCI6XCI1N1wiLFwiRm9udFNpemVcIjoxMixcIkZvbnROYW1lXCI6XCJDYWxpYnJpXCIsXCJJc0JvbGRcIjpmYWxzZSxcIklzSXRhbGljXCI6ZmFsc2UsXCJJc1VuZGVybGluZWRcIjpmYWxzZX0sXCJBdXRvU2l6ZVwiOjAsXCJGb3JlZ3JvdW5kXCI6e1wiJGlkXCI6XCI1O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U5XCIsXCJUb3BcIjowLjAsXCJMZWZ0XCI6NS4wLFwiUmlnaHRcIjowLjAsXCJCb3R0b21cIjowLjB9LFwiUGFkZGluZ1wiOntcIiRpZFwiOlwiNjBcIixcIlRvcFwiOjAuMCxcIkxlZnRcIjowLjAsXCJSaWdodFwiOjAuMCxcIkJvdHRvbVwiOjAuMH0sXCJCYWNrZ3JvdW5kXCI6e1wiJGlkXCI6XCI2MVwiLFwiQ29sb3JcIjp7XCIkcmVmXCI6XCIyOVwifX0sXCJJc1Zpc2libGVcIjpmYWxzZSxcIldpZHRoXCI6MC4wLFwiSGVpZ2h0XCI6MC4wLFwiQm9yZGVyU3R5bGVcIjpudWxsfSxcIkJvdHRvbVRpZXJTY2FsZVN0eWxlXCI6e1wiJGlkXCI6XCI2MlwiLFwiU2hvd1NlZ21lbnRTZXBhcmF0b3JzXCI6dHJ1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CxcIkhlaWdodFwiOjMwLjB9LFwiRWxhcHNlZFRpbWVCYWNrZ3JvdW5kXCI6e1wiJGlkXCI6XCI2OVwiLFwiQ29sb3JcIjp7XCIkaWRcIjpcIjcwXCIsXCJBXCI6NzcsXCJSXCI6MjU1LFwiR1wiOjAsXCJCXCI6MH19LFwiQXBwZW5kWWVhck9uWWVhckNoYW5nZVwiOnRydWUsXCJFbGFwc2VkVGltZUZvcm1hdFwiOjEsXCJUb2RheU1hcmtlclBvc2l0aW9uXCI6MSxcIlF1aWNrUG9zaXRpb25cIjozLFwiQWJzb2x1dGVQb3NpdGlvblwiOjI0My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S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TI3LFwiUlwiOjc5LFwiR1wiOjEyOSxcIkJcIjoxODl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ksXCJGb250TmFtZVwiOlwiQ2FsaWJyaVwiLFwiSXNCb2xkXCI6ZmFsc2UsXCJJc0l0YWxpY1wiOmZhbHNlLFwiSXNVbmRlcmxpbmVkXCI6ZmFsc2V9LFwiQXV0b1NpemVcIjowLFwiRm9yZWdyb3VuZFwiOntcIiRpZFwiOlwiOThcIixcIkNvbG9yXCI6e1wiJGlkXCI6XCI5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wXCIsXCJUb3BcIjowLjAsXCJMZWZ0XCI6MC4wLFwiUmlnaHRcIjowLjAsXCJCb3R0b21cIjowLjB9LFwiUGFkZGluZ1wiOntcIiRpZFwiOlwiMTAxXCIsXCJUb3BcIjowLjAsXCJMZWZ0XCI6MC4wLFwiUmlnaHRcIjowLjAsXCJCb3R0b21cIjowLjB9LFwiQmFja2dyb3VuZFwiOntcIiRpZFwiOlwiMTAyXCIsXCJDb2xvclwiOntcIiRyZWZcIjpcIjI5XCJ9fSxcIklzVmlzaWJsZVwiOnRydWUsXCJXaWR0aFwiOjAuMCxcIkhlaWdodFwiOjAuMCxcIkJvcmRlclN0eWxlXCI6bnVsbH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NFwiLFwiRGF0ZVBhcnRJc1Zpc2libGVcIjp0cnVlLFwiVGltZVBhcnRJc1Zpc2libGVcIjpmYWxzZX19LFwiSXNWaXNpYmxlXCI6dHJ1ZX0sXCJEZWZhdWx0VGFza1N0eWxlXCI6e1wiJGlkXCI6XCIxMDVcIixcIlNoYXBlXCI6MCxcIlNoYXBlVGhpY2tuZXNzXCI6MSxcIkR1cmF0aW9uRm9ybWF0XCI6MCxcIlBlcmNlbnRhZ2VDb21wbGV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2XCIsXCJNYXJnaW5cIjp7XCIkaWRcIjpcIjEyN1wiLFwiVG9wXCI6MC4wLFwiTGVmdFwiOjQuMCxcIlJpZ2h0XCI6NC4wLFwiQm90dG9tXCI6MC4wfSxcIlBhZGRpbmdcIjp7XCIkaWRcIjpcIjEyOFwiLFwiVG9wXCI6MC4wLFwiTGVmdFwiOjAuMCxcIlJpZ2h0XCI6MC4wLFwiQm90dG9tXCI6MC4wfSxcIkJhY2tncm91bmRcIjp7XCIkaWRcIjpcIjEyOVwiLFwiQ29sb3JcIjp7XCIkaWRcIjpcIjEzMFwiLFwiQVwiOjI1NSxcIlJcIjowLFwiR1wiOjExNCxcIkJcIjoxODh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dHJ1ZSxcIklzSXRhbGljXCI6ZmFsc2UsXCJJc1VuZGVybGluZWRcIjpmYWxzZX0sXCJBdXRvU2l6ZVwiOjAsXCJGb3JlZ3JvdW5kXCI6e1wiJGlkXCI6XCIxMzZcIixcIkNvbG9yXCI6e1wiJGlkXCI6XCIxMzd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yZWZcIjpcIjI5XCJ9fSxcIklzVmlzaWJsZVwiOnRydWUsXCJXaWR0aFwiOjAuMCxcIkhlaWdodFwiOjAuMCxcIkJvcmRlclN0eWxlXCI6bnVsbH0sXCJEYXRlU3R5bGVcIjp7XCIkaWRcIjpcIjE0MVwiLFwiRm9udFNldHRpbmdzXCI6e1wiJGlkXCI6XCIxNDJcIixcIkZvbnRTaXplXCI6MTAsXCJGb250TmFtZVwiOlwiQ2FsaWJyaVwiLFwiSXNCb2xkXCI6ZmFsc2UsXCJJc0l0YWxpY1wiOmZhbHNlLFwiSXNVbmRlcmxpbmVkXCI6ZmFsc2V9LFwiQXV0b1NpemVcIjowLFwiRm9yZWdyb3VuZFwiOntcIiRpZFwiOlwiMTQzXCIsXCJDb2xvclwiOntcIiRpZFwiOlwiMT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VcIixcIlRvcFwiOjAuMCxcIkxlZnRcIjowLjAsXCJSaWdodFwiOjAuMCxcIkJvdHRvbVwiOjAuMH0sXCJQYWRkaW5nXCI6e1wiJGlkXCI6XCIxNDZcIixcIlRvcFwiOjAuMCxcIkxlZnRcIjowLjAsXCJSaWdodFwiOjAuMCxcIkJvdHRvbVwiOjAuMH0sXCJCYWNrZ3JvdW5kXCI6e1wiJGlkXCI6XCIxNDdcIixcIkNvbG9yXCI6e1wiJHJlZlwiOlwiMjlcIn19LFwiSXNWaXNpYmxlXCI6dHJ1ZSxcIldpZHRoXCI6MC4wLFwiSGVpZ2h0XCI6MC4wLFwiQm9yZGVyU3R5bGVcIjpudWxsfSxcIkRhdGVGb3JtYXRcIjp7XCIkaWRcIjpcIjE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wLFwiUlwiOjI1NSxcIkdcIjoyNTUsXCJCXCI6MjU1fX0sXCJJc1Zpc2libGVcIjp0cnVlLFwiV2lkdGhcIjowLjAsXCJIZWlnaHRcIjowLjAsXCJCb3JkZXJTdHlsZVwiOntcIiRpZFwiOlwiMTgwXCIsXCJMaW5lQ29sb3JcIjpudWxsLFwiTGluZVdlaWdodFwiOjAuMCxcIkxpbmVUeXBlXCI6MH19LFwiRGF0ZUZvcm1hdFwiOntcIiRpZFwiOlwiMTgx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Y2XCIsXCJUb3BcIjowLjAsXCJMZWZ0XCI6MC4wLFwiUmlnaHRcIjowLjAsXCJCb3R0b21cIjowLjB9LFwiUGFkZGluZ1wiOntcIiRpZFwiOlwiMjY3XCIsXCJUb3BcIjowLjAsXCJMZWZ0XCI6MC4wLFwiUmlnaHRcIjowLjAsXCJCb3R0b21cIjowLjB9LFwiQmFja2dyb3VuZFwiOntcIiRpZFwiOlwiMjY4XCIsXCJDb2xvclwiOntcIiRpZFwiOlwiMjY5XCIsXCJBXCI6MCxcIlJcIjoyNTUsXCJHXCI6MjU1LFwiQlwiOjI1NX1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5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pZFwiOlwiMjc3XCIsXCJDb2xvclwiOntcIiRpZFwiOlwiMjc4XCIsXCJBXCI6MCxcIlJcIjoyNTUsXCJHXCI6MjU1LFwiQlwiOjI1NX19LFwiSXNWaXNpYmxlXCI6dHJ1ZSxcIldpZHRoXCI6MC4wLFwiSGVpZ2h0XCI6MC4wLFwiQm9yZGVyU3R5bGVcIjp7XCIkaWRcIjpcIjI3OVwiLFwiTGluZUNvbG9yXCI6bnVsbCxcIkxpbmVXZWlnaHRcIjowLjAsXCJMaW5lVHlwZVwiOjB9fSxcIkRhdGVGb3JtYXRcIjp7XCIkaWRcIjpcIjI4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AsXCJSXCI6MjU1LFwiR1wiOjI1NSxcIkJcIjoyNTV9fSxcIklzVmlzaWJsZVwiOnRydWUsXCJXaWR0aFwiOjAuMCxcIkhlaWdodFwiOjAuMCxcIkJvcmRlclN0eWxlXCI6e1wiJGlkXCI6XCIzMTJcIixcIkxpbmVDb2xvclwiOm51bGwsXCJMaW5lV2VpZ2h0XCI6MC4wLFwiTGluZVR5cGVcIjowf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IxXCIsXCJUb3BcIjowLjAsXCJMZWZ0XCI6MC4wLFwiUmlnaHRcIjowLjAsXCJCb3R0b21cIjowLjB9LFwiUGFkZGluZ1wiOntcIiRpZFwiOlwiMzIyXCIsXCJUb3BcIjowLjAsXCJMZWZ0XCI6MC4wLFwiUmlnaHRcIjowLjAsXCJCb3R0b21cIjowLjB9LFwiQmFja2dyb3VuZFwiOm51bGwsXCJJc1Zpc2libGVcIjpmYWxz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SXNBYm92ZVRpbWViYW5kXCI6ZmFsc2UsXCJTd2ltbGFuZURlZmF1bHRBY3Rpdml0eVN0eWxlXCI6e1wiJGlkXCI6XCIzMzlcIixcIkhlYWRlclN0eWxlXCI6e1wiJGlkXCI6XCIzNDBcIixcIlRleHRTdHlsZVwiOntcIiRpZFwiOlwiMzQxXCIsXCJGb250U2V0dGluZ3NcIjp7XCIkaWRcIjpcIjM0MlwiLFwiRm9udFNpemVcIjoxMixcIkZvbnROYW1lXCI6XCJDYWxpYnJpXCIsXCJJc0JvbGRcIjpmYWxzZSxcIklzSXRhbGljXCI6ZmFsc2UsXCJJc1VuZGVybGluZWRcIjpmYWxzZX0sXCJBdXRvU2l6ZVwiOjAsXCJGb3JlZ3JvdW5kXCI6e1wiJGlkXCI6XCIzNDNcIixcIkNvbG9yXCI6e1wiJGlkXCI6XCIzNDR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ksXCJGb250TmFtZVwiOlwiQ2FsaWJyaVwiLFwiSXNCb2xkXCI6ZmFsc2UsXCJJc0l0YWxpY1wiOmZhbHNlLFwiSXNVbmRlcmxpbmVkXCI6ZmFsc2V9LFwiQXV0b1NpemVcIjowLFwiRm9yZWdyb3VuZFwiOntcIiRpZFwiOlwiMzc0XCIsXCJDb2xvclwiOntcIiRpZFwiOlwiMz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ODdcIixcIkRhdGVQYXJ0SXNWaXNpYmxlXCI6dHJ1ZSxcIlRpbWVQYXJ0SXNWaXNpYmxlXCI6ZmFsc2V9fSxcIklzVmlzaWJsZVwiOnRydWUsXCJHcm91cElkXCI6XCI1ZTg1OWRjOS0yZjU2LTQ5NmItYWY5OC1mNjIxMDZlMDA3YzNcIn1dLFwiQ3VzdG9tU3dpbWxhbmVUYXNrU3R5bGVMaXN0XCI6W3tcIiRpZFwiOlwiMzg4XCIsXCJUYXNrU3R5bGVcIjp7XCIkaWRcIjpcIjM4OVwiLFwiU2hhcGVcIjoxLFwiU2hhcGVUaGlja25lc3NcIjowLFwiRHVyYXRpb25Gb3JtYXRcIjowLFwiUGVyY2VudGFnZUNvbXBsZXRl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pZFwiOlwiMzk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nRydWUsXCJXaWR0aFwiOjAuMCxcIkhlaWdodFwiOjAuMCxcIkJvcmRlclN0eWxlXCI6e1wiJGlkXCI6XCIzOTZcIixcIkxpbmVDb2xvclwiOm51bGwsXCJMaW5lV2VpZ2h0XCI6MC4wLFwiTGluZVR5cGVcIjowfX0sXCJEdXJhdGlvbl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e1wiJHJlZlwiOlwiMTQ3XCJ9LFwiSXNWaXNpYmxlXCI6dHJ1ZSxcIldpZHRoXCI6MC4wLFwiSGVpZ2h0XCI6MC4wLFwiQm9yZGVyU3R5bGVcIjp7XCIkaWRcIjpcIjQyOFwiLFwiTGluZUNvbG9yXCI6bnVsbCxcIkxpbmVXZWlnaHRcIjowLjAsXCJMaW5lVHlwZVwiOjB9fSxcIkRhdGVGb3JtYXRcIjp7XCIkaWRcIjpcIjQ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zMFwiLFwiVGFza1N0eWxlXCI6e1wiJGlkXCI6XCI0MzFcIixcIlNoYXBlXCI6MSxcIlNoYXBlVGhpY2tuZXNzXCI6MCxcIkR1cmF0aW9uRm9ybWF0XCI6MCxcIlBlcmNlbnRhZ2VDb21wbGV0ZVN0eWxlXCI6e1wiJGlkXCI6XCI0MzJcIixcIkZvbnRTZXR0aW5nc1wiOntcIiRpZFwiOlwiNDMzXCIsXCJGb250U2l6ZVwiOjEwLFwiRm9udE5hbWVcIjpcIkNhbGlicmlcIixcIklzQm9sZFwiOmZhbHNlLFwiSXNJdGFsaWNcIjpmYWxzZSxcIklzVW5kZXJsaW5lZFwiOmZhbHNlfSxcIkF1dG9TaXplXCI6MCxcIkZvcmVncm91bmRcIjp7XCIkaWRcIjpcIjQzNF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aWRcIjpcIjQ1OVwiLFwiQ29sb3JcIjp7XCIkaWRcIjpcIjQ2MFwiLFwiQVwiOjAsXCJSXCI6MjU1LFwiR1wiOjI1NSxcIkJcIjoyNTV9fSxcIklzVmlzaWJsZVwiOnRydWUsXCJXaWR0aFwiOjAuMCxcIkhlaWdodFwiOjAuMCxcIkJvcmRlclN0eWxlXCI6e1wiJGlkXCI6XCI0NjFcIixcIkxpbmVDb2xvclwiOm51bGwsXCJMaW5lV2VpZ2h0XCI6MC4wLFwiTGluZVR5cGVcIjowfX0sXCJEY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pZFwiOlwiN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jZcIixcIlRvcFwiOjAuMCxcIkxlZnRcIjowLjAsXCJSaWdodFwiOjAuMCxcIkJvdHRvbVwiOjAuMH0sXCJQYWRkaW5nXCI6e1wiJGlkXCI6XCI0NjdcIixcIlRvcFwiOjAuMCxcIkxlZnRcIjowLjAsXCJSaWdodFwiOjAuMCxcIkJvdHRvbVwiOjAuMH0sXCJCYWNrZ3JvdW5kXCI6e1wiJHJlZlwiOlwiMTQ3XCJ9LFwiSXNWaXNpYmxlXCI6dHJ1ZSxcIldpZHRoXCI6MC4wLFwiSGVpZ2h0XCI6MC4wLFwiQm9yZGVyU3R5bGVcIjp7XCIkaWRcIjpcIjQ2OFwiLFwiTGluZUNvbG9yXCI6bnVsbCxcIkxpbmVXZWlnaHRcIjowLjAsXCJMaW5lVHlwZVwiOjB9fSxcIkRhdGVGb3JtYXRcIjp7XCIkaWRcIjpcIjQ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3MFwiLFwiVGFza1N0eWxlXCI6e1wiJGlkXCI6XCI0NzFcIixcIlNoYXBlXCI6MSxcIlNoYXBlVGhpY2tuZXNzXCI6MyxcIkR1cmF0aW9uRm9ybWF0XCI6MCxcIlBlcmNlbnRhZ2VDb21wbGV0ZVN0eWxlXCI6e1wiJGlkXCI6XCI0NzJcIixcIkZvbnRTZXR0aW5nc1wiOntcIiRpZFwiOlwiNDczXCIsXCJGb250U2l6ZVwiOjEwLFwiRm9udE5hbWVcIjpcIkNhbGlicmlcIixcIklzQm9sZFwiOmZhbHNlLFwiSXNJdGFsaWNcIjpmYWxzZSxcIklzVW5kZXJsaW5lZFwiOmZhbHNlfSxcIkF1dG9TaXplXCI6MCxcIkZvcmVncm91bmRcIjp7XCIkaWRcIjpcIjQ3NFwiLFwiQ29sb3JcIjp7XCIkaWRcIjpcIjQ3N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l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E5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FcIn0sXCJMaW5lV2VpZ2h0XCI6MS4wLFwiTGluZVR5cGVcIjowfSxcIlZlcnRpY2FsQ29ubmVjdG9yU3R5bGVcIjp7XCIkaWRcIjpcIjQ4Nl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7XCIkaWRcIjpcIjUwMVwiLFwiTGluZUNvbG9yXCI6bnVsbCxcIkxpbmVXZWlnaHRcIjowLjAsXCJMaW5lVHlwZVwiOjB9fSxcIkRhdGV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GlkXCI6XCI1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wNlwiLFwiVG9wXCI6MC4wLFwiTGVmdFwiOjAuMCxcIlJpZ2h0XCI6MC4wLFwiQm90dG9tXCI6MC4wfSxcIlBhZGRpbmdcIjp7XCIkaWRcIjpcIjUwN1wiLFwiVG9wXCI6MC4wLFwiTGVmdFwiOjAuMCxcIlJpZ2h0XCI6MC4wLFwiQm90dG9tXCI6MC4wfSxcIkJhY2tncm91bmRcIjp7XCIkcmVmXCI6XCIxNDdcIn0sXCJJc1Zpc2libGVcIjp0cnVlLFwiV2lkdGhcIjowLjAsXCJIZWlnaHRcIjowLjAsXCJCb3JkZXJTdHlsZVwiOntcIiRpZFwiOlwiNTA4XCIsXCJMaW5lQ29sb3JcIjpudWxsLFwiTGluZVdlaWdodFwiOjAuMCxcIkxpbmVUeXBlXCI6MH19LFwiRGF0ZUZvcm1hdFwiOntcIiRpZFwiOlwiNTA5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pZFwiOlwiNTY5XCIsXCJDb2xvclwiOntcIiRpZFwiOlwiNTcwXCIsXCJBXCI6MCxcIlJcIjoyNTUsXCJHXCI6MjU1LFwiQlwiOjI1NX19LFwiSXNWaXNpYmxlXCI6ZmFsc2UsXCJXaWR0aFwiOjAuMCxcIkhlaWdodFwiOjAuMCxcIkJvcmRlclN0eWxlXCI6e1wiJGlkXCI6XCI1NzFcIixcIkxpbmVDb2xvclwiOm51bGwsXCJMaW5lV2VpZ2h0XCI6MC4wLFwiTGluZVR5cGVcIjowfX0sXCJEYXRlRm9ybWF0XCI6e1wiJGlkXCI6XCI1Nz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GlkXCI6XCI2MDFcIixcIkNvbG9yXCI6e1wiJGlkXCI6XCI2MDJcIixcIkFcIjowLFwiUlwiOjI1NSxcIkdcIjoyNTUsXCJCXCI6MjU1fX0sXCJJc1Zpc2libGVcIjpmYWxzZSxcIldpZHRoXCI6MC4wLFwiSGVpZ2h0XCI6MC4wLFwiQm9yZGVyU3R5bGVcIjp7XCIkaWRcIjpcIjYwM1wiLFwiTGluZUNvbG9yXCI6bnVsbCxcIkxpbmVXZWlnaHRcIjowLjAsXCJMaW5lVHlwZVwiOjB9fSxcIkRhdGVGb3JtYXRcIjp7XCIkaWRcIjpcIjYwN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jA1XCIsXCJEYXRlUGFydElzVmlzaWJsZVwiOnRydWUsXCJUaW1lUGFydElzVmlzaWJsZVwiOmZhbHNlfX0sXCJJc1Zpc2libGVcIjp0cnVlfV19XSxcIklzVmlzaWJsZVwiOmZhbHNlfSxcIkN1c3RvbVN3aW1sYW5lQWN0aXZpdGllc1N0eWxlTGlzdFwiOltdLFwiSXNWaXNpYmxlXCI6dHJ1ZX0se1wiJGlkXCI6XCI2MDZcIixcIkhlYWRlclN0eWxlXCI6e1wiJGlkXCI6XCI2MDdcIixcIlRleHRTdHlsZVwiOntcIiRpZFwiOlwiNjA4XCIsXCJGb250U2V0dGluZ3NcIjp7XCIkaWRcIjpcIjYwOVwiLFwiRm9udFNpemVcIjoxMi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m51bGwsXCJJc1Zpc2libGVcIjpmYWxzZSxcIldpZHRoXCI6MC4wLFwiSGVpZ2h0XCI6MC4wLFwiQm9yZGVyU3R5bGVcIjpudWxsfSxcIlJlY3Rhbmds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1XCIsXCJUb3BcIjowLjAsXCJMZWZ0XCI6MC4wLFwiUmlnaHRcIjowLjAsXCJCb3R0b21cIjowLjB9LFwiUGFkZGluZ1wiOntcIiRpZFwiOlwiNjg2XCIsXCJUb3BcIjowLjAsXCJMZWZ0XCI6MC4wLFwiUmlnaHRcIjowLjAsXCJCb3R0b21cIjowLjB9LFwiQmFja2dyb3VuZFwiOntcIiRyZWZcIjpcIjE0N1wifSxcIklzVmlzaWJsZVwiOnRydWUsXCJXaWR0aFwiOjAuMCxcIkhlaWdodFwiOjAuMCxcIkJvcmRlclN0eWxlXCI6e1wiJGlkXCI6XCI2ODdcIixcIkxpbmVDb2xvclwiOm51bGw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ODlcIixcIlRhc2tTdHlsZVwiOntcIiRpZFwiOlwiNjkwXCIsXCJTaGFwZVwiOjEsXCJTaGFwZVRoaWNrbmVzc1wiOjAsXCJEdXJhdGlvbkZvcm1hdFwiOjAsXCJQZXJjZW50YWdlQ29tcGxldGVTdHlsZVwiOntcIiRpZFwiOlwiNjkxXCIsXCJGb250U2V0dGluZ3NcIjp7XCIkaWRcIjpcIjY5MlwiLFwiRm9udFNpemVcIjoxMCxcIkZvbnROYW1lXCI6XCJDYWxpYnJpXCIsXCJJc0JvbGRcIjpmYWxzZSxcIklzSXRhbGljXCI6ZmFsc2UsXCJJc1VuZGVybGluZWRcIjpmYWxzZX0sXCJBdXRvU2l6ZVwiOjAsXCJGb3JlZ3JvdW5kXCI6e1wiJGlkXCI6XCI2OTN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xMlwifSxcIklzVmlzaWJsZVwiOnRydWUsXCJXaWR0aFwiOjAuMCxcIkhlaWdodFwiOjAuMCxcIkJvcmRlclN0eWxlXCI6e1wiJGlkXCI6XCI2OTZcIixcIkxpbmVDb2xvclwiOm51bGwsXCJMaW5lV2VpZ2h0XCI6MC4wLFwiTGluZVR5cGVcIjowfX0sXCJEdXJhdGlvblN0eWxlXCI6e1wiJGlkXCI6XCI2OTdcIixcIkZvbnRTZXR0aW5nc1wiOntcIiRpZFwiOlwiNjk4XCIsXCJGb250U2l6ZVwiOjEwLFwiRm9udE5hbWVcIjpcIkNhbGlicmlcIixcIklzQm9sZFwiOmZhbHNlLFwiSXNJdGFsaWNcIjpmYWxzZSxcIklzVW5kZXJsaW5lZFwiOmZhbHNlfSxcIkF1dG9TaXplXCI6MCxcIkZvcmVncm91bmRcIjp7XCIkaWRcIjpcIjY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5XCJ9LFwiSXNWaXNpYmxlXCI6dHJ1ZSxcIldpZHRoXCI6MC4wLFwiSGVpZ2h0XCI6MC4wLFwiQm9yZGVyU3R5bGVcIjp7XCIkaWRcIjpcIjcwMlwiLFwiTGluZUNvbG9yXCI6bnVsbCxcIkxpbmVXZWlnaHRcIjowLjAsXCJMaW5lVHlwZVwiOjB9fSxcIkhvcml6b250YWxDb25uZWN0b3JTdHlsZVwiOntcIiRpZFwiOlwiNzAzXCIsXCJMaW5lQ29sb3JcIjp7XCIkcmVmXCI6XCIxMjFcIn0sXCJMaW5lV2VpZ2h0XCI6MS4wLFwiTGluZVR5cGVcIjowfSxcIlZlcnRpY2FsQ29ubmVjdG9yU3R5bGVcIjp7XCIkaWRcIjpcIjc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jRcIixcIlRvcFwiOjAuMCxcIkxlZnRcIjowLjAsXCJSaWdodFwiOjAuMCxcIkJvdHRvbVwiOjAuMH0sXCJQYWRkaW5nXCI6e1wiJGlkXCI6XCI3MjVcIixcIlRvcFwiOjAuMCxcIkxlZnRcIjowLjAsXCJSaWdodFwiOjAuMCxcIkJvdHRvbVwiOjAuMH0sXCJCYWNrZ3JvdW5kXCI6e1wiJHJlZlwiOlwiMTQ3XCJ9LFwiSXNWaXNpYmxlXCI6dHJ1ZSxcIldpZHRoXCI6MC4wLFwiSGVpZ2h0XCI6MC4wLFwiQm9yZGVyU3R5bGVcIjp7XCIkaWRcIjpcIjcyNlwiLFwiTGluZUNvbG9yXCI6bnVsbCxcIkxpbmVXZWlnaHRcIjowLjAsXCJMaW5lVHlwZVwiOjB9fSxcIkRhdGVGb3JtYXRcIjp7XCIkaWRcIjpcIjcy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yOFwiLFwiVGFza1N0eWxlXCI6e1wiJGlkXCI6XCI3MjlcIixcIlNoYXBlXCI6NixcIlNoYXBlVGhpY2tuZXNzXCI6MSxcIkR1cmF0aW9uRm9ybWF0XCI6MCxcIlBlcmNlbnRhZ2VDb21wbGV0ZVN0eWxlXCI6e1wiJGlkXCI6XCI3MzBcIixcIkZvbnRTZXR0aW5nc1wiOntcIiRpZFwiOlwiNzMxXCIsXCJGb250U2l6ZVwiOjEwLFwiRm9udE5hbWVcIjpcIkNhbGlicmlcIixcIklzQm9sZFwiOmZhbHNlLFwiSXNJdGFsaWNcIjpmYWxzZSxcIklzVW5kZXJsaW5lZFwiOmZhbHNlfSxcIkF1dG9TaXplXCI6MCxcIkZvcmVncm91bmRcIjp7XCIkaWRcIjpcIjczMl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cyXCIsXCJUYXNrU3R5bGVcIjp7XCIkaWRcIjpcIjc3M1wiLFwiU2hhcGVcIjo2LFwiU2hhcGVUaGlja25lc3NcIjoxLFwiRHVyYXRpb25Gb3JtYXRcIjowLFwiUGVyY2VudGFnZUNvbXBsZXRl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0cnVlLFwiV2lkdGhcIjowLjAsXCJIZWlnaHRcIjowLjAsXCJCb3JkZXJTdHlsZVwiOntcIiRpZFwiOlwiNzc5XCIsXCJMaW5lQ29sb3JcIjpudWxsLFwiTGluZVdlaWdodFwiOjAuMCxcIkxpbmVUeXBlXCI6MH19LFwiRHVyYXRpb25TdHlsZVwiOntcIiRpZFwiOlwiNzgwXCIsXCJGb250U2V0dGluZ3NcIjp7XCIkaWRcIjpcIjc4MVwiLFwiRm9udFNpemVcIjoxMCxcIkZvbnROYW1lXCI6XCJDYWxpYnJpXCIsXCJJc0JvbGRcIjpmYWxzZSxcIklzSXRhbGljXCI6ZmFsc2UsXCJJc1VuZGVybGluZWRcIjpmYWxzZX0sXCJBdXRvU2l6ZVwiOjAsXCJGb3JlZ3JvdW5kXCI6e1wiJGlkXCI6XCI3OD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wN1wiLFwiVG9wXCI6MC4wLFwiTGVmdFwiOjAuMCxcIlJpZ2h0XCI6MC4wLFwiQm90dG9tXCI6MC4wfSxcIlBhZGRpbmdcIjp7XCIkaWRcIjpcIjgwOFwiLFwiVG9wXCI6MC4wLFwiTGVmdFwiOjAuMCxcIlJpZ2h0XCI6MC4wLFwiQm90dG9tXCI6MC4wfSxcIkJhY2tncm91bmRcIjp7XCIkcmVmXCI6XCIxNDdcIn0sXCJJc1Zpc2libGVcIjp0cnVlLFwiV2lkdGhcIjowLjAsXCJIZWlnaHRcIjowLjAsXCJCb3JkZXJTdHlsZVwiOntcIiRpZFwiOlwiODA5XCIsXCJMaW5lQ29sb3JcIjpudWxsLFwiTGluZVdlaWdodFwiOjAuMCxcIkxpbmVUeXBlXCI6MH19LFwiRGF0ZUZvcm1hdFwiOntcIiRpZFwiOlwiODE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ExXCIsXCJUYXNrU3R5bGVcIjp7XCIkaWRcIjpcIjgxMlwiLFwiU2hhcGVcIjo2LFwiU2hhcGVUaGlja25lc3NcIjoxLFwiRHVyYXRpb25Gb3JtYXRcIjowLFwiUGVyY2VudGFnZUNvbXBsZXRlU3R5bGVcIjp7XCIkaWRcIjpcIjgxM1wiLFwiRm9udFNldHRpbmdzXCI6e1wiJGlkXCI6XCI4MTRcIixcIkZvbnRTaXplXCI6MTAsXCJGb250TmFtZVwiOlwiQ2FsaWJyaVwiLFwiSXNCb2xkXCI6ZmFsc2UsXCJJc0l0YWxpY1wiOmZhbHNlLFwiSXNVbmRlcmxpbmVkXCI6ZmFsc2V9LFwiQXV0b1NpemVcIjowLFwiRm9yZWdyb3VuZFwiOntcIiRpZFwiOlwiODE1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0NlwiLFwiVG9wXCI6MC4wLFwiTGVmdFwiOjAuMCxcIlJpZ2h0XCI6MC4wLFwiQm90dG9tXCI6MC4wfSxcIlBhZGRpbmdcIjp7XCIkaWRcIjpcIjg0N1wiLFwiVG9wXCI6MC4wLFwiTGVmdFwiOjAuMCxcIlJpZ2h0XCI6MC4wLFwiQm90dG9tXCI6MC4wfSxcIkJhY2tncm91bmRcIjp7XCIkcmVmXCI6XCIxNDdcIn0sXCJJc1Zpc2libGVcIjp0cnVlLFwiV2lkdGhcIjowLjAsXCJIZWlnaHRcIjowLjAsXCJCb3JkZXJTdHlsZVwiOntcIiRpZFwiOlwiODQ4XCIsXCJMaW5lQ29sb3JcIjpudWxsLFwiTGluZVdlaWdodFwiOjAuMCxcIkxpbmVUeXBlXCI6MH19LFwiRGF0ZUZvcm1hdFwiOntcIiRpZFwiOlwiO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0se1wiJGlkXCI6XCI4NTBcIixcIkhlYWRlclN0eWxlXCI6e1wiJGlkXCI6XCI4NTFcIixcIlRleHRTdHlsZVwiOntcIiRpZFwiOlwiODUyXCIsXCJGb250U2V0dGluZ3NcIjp7XCIkaWRcIjpcIjg1M1wiLFwiRm9udFNpemVcIjoxMixcIkZvbnROYW1lXCI6XCJDYWxpYnJpXCIsXCJJc0JvbGRcIjp0cnVlLFwiSXNJdGFsaWNcIjpmYWxzZSxcIklzVW5kZXJsaW5lZFwiOmZhbHNlfSxcIkF1dG9TaXplXCI6MCxcIkZvcmVncm91bmRcIjp7XCIkaWRcIjpcIjg1NFwiLFwiQ29sb3JcIjp7XCIkaWRcIjpcIjg1N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DdcIixcIlRvcFwiOjAuMCxcIkxlZnRcIjowLjAsXCJSaWdodFwiOjAuMCxcIkJvdHRvbVwiOjAuMH0sXCJQYWRkaW5nXCI6e1wiJGlkXCI6XCI5MDhcIixcIlRvcFwiOjAuMCxcIkxlZnRcIjowLjAsXCJSaWdodFwiOjAuMCxcIkJvdHRvbVwiOjAuMH0sXCJCYWNrZ3JvdW5kXCI6e1wiJGlkXCI6XCI5MDlcIixcIkNvbG9yXCI6e1wiJGlkXCI6XCI5MTB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I1NSxcIlJcIjoxMTIsXCJHXCI6MTczLFwiQlwiOjcxfX0sXCJJc1Zpc2libGVcIjp0cnVlLFwiV2lkdGhcIjoxNC4wLFwiSGVpZ2h0XCI6MTQuMCxcIkJvcmRlclN0eWxlXCI6e1wiJGlkXCI6XCI5NDFcIixcIkxpbmVDb2xvclwiOntcIiRyZWZcIjpcIjg3XCJ9LFwiTGluZVdlaWdodFwiOjAuMCxcIkxpbmVUeXBlXCI6MH19LFwiRGF0ZUZvcm1hdFwiOntcIiRpZFwiOlwiOTQ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aWRcIjpcIjk1OVwiLFwiQ29sb3JcIjp7XCIkaWRcIjpcIjk2MF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ODJcIixcIlRvcFwiOjAuMCxcIkxlZnRcIjowLjAsXCJSaWdodFwiOjAuMCxcIkJvdHRvbVwiOjAuMH0sXCJQYWRkaW5nXCI6e1wiJGlkXCI6XCI5ODNcIixcIlRvcFwiOjAuMCxcIkxlZnRcIjowLjAsXCJSaWdodFwiOjAuMCxcIkJvdHRvbVwiOjAuMH0sXCJCYWNrZ3JvdW5kXCI6e1wiJGlkXCI6XCI5ODRcIixcIkNvbG9yXCI6e1wiJGlkXCI6XCI5ODV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jQsXCJHXCI6MTI0LFwiQlwiOjEyNH19LFwiSG9yaXpvbnRhbEFsaWdubWVudFwiOjAsXCJJc1Zpc2libGVcIjp0cnVlfSxcIkxlZnRFbmRDYXBzU3R5bGVcIjp7XCIkaWRcIjpcIjlcIixcIkZvbnRTZXR0aW5nc1wiOntcIiRpZFwiOlwiMTBcIixcIkZvbnRTaXplXCI6MzY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EyNCxcIkdcIjoxMjQsXCJCXCI6MTI0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z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M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NiYzYwM2NlLTk5ZDYtNDdiMC1iZWE5LWQzNDQyODk0MTNmZF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AsXCJHXCI6MCxcIkJcIjo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i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jcsXCJHXCI6OTYsXCJCXCI6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5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My40MjY2NjY2NjY2NjY2Nzc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NyxcIkdcIjo5NixcIkJcIjow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mZhbHN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ZmFsc2V9LFwiRGF0ZUZvcm1hdFwiOntcIiRpZFwiOlwiMjQ1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FhZWZmYTQ2LTQ0YjYtNDA2OS04ZWIyLWQ4NzRmOThkNzYwNF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ExNCxcIkJcIjoxOTZ9fSxcIklzVmlzaWJsZVwiOmZhbHN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Y4LFwiR1wiOjExNCxcIkJcIjoxOTZ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i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ExNCxcIkJcIjoxO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NjgsXCJHXCI6MTE0LFwiQlwiOjE5Nn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E5MixcIkdcIjo4MCxcIkJcIjo3N3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jgsXCJHXCI6MTE0LFwiQlwiOjE5Nn19LFwiSXNWaXNpYmxlXCI6dHJ1ZSxcIldpZHRoXCI6MC4wLFwiSGVpZ2h0XCI6MTMuNDI2NjY2NjY2NjY2Njc3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SxcIkRldGFpbHNTcGFjaW5nXCI6MS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2OCxcIkdcIjoxMTQsXCJCXCI6MTk2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k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yNDIxNjZjNS03Yjc1LTQyY2EtYjIzMi1jZWJhMDRjNjZlOTB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MTIsXCJHXCI6MTczLFwiQlwiOjcx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IsXCJHXCI6MTczLFwiQlwiOjcx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xMixcIkdcIjoxNzMsXCJCXCI6Nz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I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yLFwiR1wiOjE3MyxcIkJcIjo3MX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S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MTIsXCJHXCI6MTczLFwiQlwiOjcx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wLFwiR1wiOjAsXCJCXCI6MH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EyLFwiR1wiOjE3MyxcIkJcIjo3MX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5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Y4LFwiR1wiOjExNCxcIkJcIjoxOTZ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OTEsXCJHXCI6MTU1LFwiQlwiOjIxM3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zM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xMjQsXCJHXCI6MTI0LFwiQlwiOjEyNH0sXCJBY2NlbnQzXCI6e1wiJGlkXCI6XCI1MTlcIixcIkFcIjoyNTUsXCJSXCI6MjU1LFwiR1wiOjE5MixcIkJcIjowfSxcIkFjY2VudDRcIjp7XCIkaWRcIjpcIjUyMFwiLFwiQVwiOjI1NSxcIlJcIjo2OCxcIkdcIjoxMTQsXCJCXCI6MTk2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E3OTYiLCJJbXBhT3B0aW9ucyI6eyIkaWQiOiIxNzk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5OCIsIlVzZVRpbWUiOmZhbHNlLCJXb3JrRGF5U3RhcnQiOiIwMDowMDowMCIsIldvcmtEYXlFbmQiOiIyMzo1OTowMCJ9LCJMYXN0VXNlZFRlbXBsYXRlSWQiOiJhNTU5MjBlMS0zNWZkLTQ0NGItYWQ0Yy0xODA0MjY0MzQxOGIiLCJMYXN0VXNlZFRoZW1lRGV0YWlscyI6eyIkaWQiOiIxNzk5IiwiSWQiOiJjMzQ2ZDYyMi1mYzBjLTRlNGEtYTMwZC00ODMyNjA5NmI3OTQiLCJUaXRsZSI6IlVudGl0bGVkIHRoZW1lIiwiQ2F0ZWdvcnkiOjJ9LCJGaXJzdFdlZWtPZlllYXIiOjAsIlBsYWNlTWlsZXN0b25lQXRUaGVCZWdpbm5pbmdPZlRoZURheSI6ZmFsc2UsIkRlcGVuZGVuY3lTY2hlZHVsaW5nU2V0dGluZ3MiOnsiJGlkIjoiMTgwMC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11-02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32</Words>
  <Application>Microsoft Office PowerPoint</Application>
  <PresentationFormat>Widescreen</PresentationFormat>
  <Paragraphs>21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07-23T12:40:46Z</dcterms:modified>
</cp:coreProperties>
</file>